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1B40F0E4-5F99-4BAA-8970-BB81BF7970E1}"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368" uniqueCount="498">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Each individual item used to create the 'spending time with friends and family' scale is presented individually. 
The questions were measured on a 7-point scale, from 'never' (1) to 'all the time' (7), and included: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South Australia</t>
  </si>
  <si>
    <t>Regional South Australia</t>
  </si>
  <si>
    <t>Alexandrina (LGA)</t>
  </si>
  <si>
    <t>Grant, Mount Gambier &amp; Wattle Range (LGAs)</t>
  </si>
  <si>
    <t>Berri and Barmera, Loxton Waikerie &amp; Renmark Paringa (LGAs)</t>
  </si>
  <si>
    <t>Mid Murray,  Karoonda East Murray, Southern Mallee &amp; The Coorong (LGAs)</t>
  </si>
  <si>
    <t>Murray Bridge (LGA)</t>
  </si>
  <si>
    <t>Barossa &amp; Adelaide Metropolitan (RDAs)</t>
  </si>
  <si>
    <t>Limestone Coast (RDA)</t>
  </si>
  <si>
    <t>Murraylands and Riverland (RDA)</t>
  </si>
  <si>
    <t>Whyalla and Eyre Peninsula &amp; Far North (RDAs)</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About the region: South Australia</t>
  </si>
  <si>
    <t>Adelaide Hills, Fleurieu and Kangaroo Island (RDA)</t>
  </si>
  <si>
    <t>Yorke and Mid North (RDA)</t>
  </si>
  <si>
    <t xml:space="preserve">The Adelaide Hills, Fleurieu and Kangaroo Island region is a Regional Development Australia region located in the south east of South Australia. The region includes the local government areas (LGAs) of Adelaide Hills, Alexandrina, kangaroo Island, Mount Barker, Onkaparinga and Victor Harbour. In total, 136 people who live in this region took part in the 2017 Regional Wellbeing Survey. </t>
  </si>
  <si>
    <t>Alexandrina is an LGA located in the south east of South Australia. In total, 79 people who live in this LGA took part in the 2017 Regional Wellbeing Survey.</t>
  </si>
  <si>
    <t xml:space="preserve">The Limestone Coast region is a Regional Development Australia region located in the south east of South Australia. The region includes the local government areas (LGAs) of Grant, Kingston, Mount Gambier, Naracoorte and Lucindale, Robe, Tatiara and Wattle Range. In total, 113 people who live in this region took part in the 2017 Regional Wellbeing Survey. </t>
  </si>
  <si>
    <t xml:space="preserve">Grant, Mount Gambier &amp; Wattle Range are LGAs located in the south east of South Australia. In total, 79 people who live in these LGAs took part in the 2017 Regional Wellbeing Survey. </t>
  </si>
  <si>
    <t xml:space="preserve">The Murraylands and Riverland region is a Regional Development Australia region located in the south east of South Australia. The region includes the local government areas (LGAs) of Berri Barmera, Karoonda East Murray, Loxton Waikerie, Mid-Murray, Murray Bridge, Renmark Paringa, Southern Mallee and The Coorong. In total, 292 people who live in this region took part in the 2017 Regional Wellbeing Survey. </t>
  </si>
  <si>
    <t xml:space="preserve">Berri and Barmera, Loxton Waikerie &amp; Renmark Paringa are LGAs located in the south east of South Australia. In total, 127 people who live in these LGAs took part in the 2017 Regional Wellbeing Survey. </t>
  </si>
  <si>
    <t>Mid Murray, Karoonda East Murray, Southern Mallee &amp; The Coorong (LGAs)</t>
  </si>
  <si>
    <t xml:space="preserve">Mid Murray, Karoonda East Murray, Southern Mallee &amp; The Coorong are LGAs located in the south east of South Australia. In total, 81 people who live in these LGAs took part in the 2017 Regional Wellbeing Survey. </t>
  </si>
  <si>
    <t>Murray Bridge is an LGA located in the south east of South Australia. In total, 84 people who live in this LGA took part in the 2017 Regional Wellbeing Survey.</t>
  </si>
  <si>
    <t xml:space="preserve">The Whyalla and Eyre Peninsula &amp; Far North regions are Regional Development Australia regions located in the south east of South Australia. The regions include the local government areas (LGAs) of Anangu Pitjantjatjara, Ceduna, Cleve, Coober Pedy, Elliston, Flinders Ranges, Franklin Harbour, Kimba, Lower Eyre Peninsula, Maralinga Tjarutja, Port Augusta, Port Lincoln, Roxby Downs, Streaky Bay, Tumby Bay, and Unincorporated SA. In total, 109 people who live in this region took part in the 2017 Regional Wellbeing Survey. </t>
  </si>
  <si>
    <t xml:space="preserve">The Yorke and Mid North region is a Regional Development Australia region located in the south east of South Australia. The region includes the local government areas (LGAs) of Barunga West, Clare and Gilbert Valleys, Copper Coast, Goyder, Mount Remarkable, Northern Areas, Orroroo Carrieton, Peterborough, Port Pirie, Wakefield and Yorke Peninsula. In total, 84 people who live in this region took part in the 2017 Regional Wellbeing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This file provides data from the 2017 Regional Wellbeing Survey for South Australia.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South Australia; (v) regional South Australia; and (vi) the Regional Development Australia (RDA) regions of Adelaide Hills, Fleurieu and Kangaroo Island, Barossa &amp; Adelaide Metropolitan, Limestone Coast, Murraylands and Riverland, Whyalla and Eyre Peninsula &amp; Far North, and Yorke and Mid North.</t>
  </si>
  <si>
    <t xml:space="preserve">South Australia includes all of South Australia including the metropolitan areas of Adelaide and surrounding suburban areas. In total, 908 people from South Australia took part in the 2017 Regional Wellbeing Survey, although not all these people answered every question on the survey. </t>
  </si>
  <si>
    <t>Regional South Australia includes all of South Australia except the metropolitan areas of Adelaide and surrounding suburban areas. In total, 723 people who live in regional South Australia took part in the 2017 Regional Wellbeing Survey, although not all these people answered every question on the survey. A total of 185 people living in urban areas are excluded when reporting for regional South Australia in these data tables.</t>
  </si>
  <si>
    <t xml:space="preserve">The Barossa &amp; Adelaide Metropolitan regions are Regional Development Australia regions located in the south east of South Australia. The regions include Adelaide Metropolitan and the local government areas (LGAs) of Adelaide Plains, Barossa and Light. In total, 165 people who live in this region took part in the 2017 Regional Wellbeing Survey. </t>
  </si>
  <si>
    <t xml:space="preserve">You may reproduce the data in this spreadsheet for any purpose, providing you acknowledge the data source. Data should be cited as being sourced from the 2017 Regional Wellbeing Survey, South Australia data tables, Version 1.01 August 2018. </t>
  </si>
  <si>
    <t xml:space="preserve">Explanatory notes </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8">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39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6" applyNumberFormat="1" applyFont="1" applyFill="1" applyBorder="1" applyAlignment="1">
      <alignment horizontal="left" vertical="center"/>
    </xf>
    <xf numFmtId="164" fontId="20" fillId="0" borderId="1" xfId="36" applyNumberFormat="1" applyFont="1" applyFill="1" applyBorder="1" applyAlignment="1">
      <alignment horizontal="left" vertical="center"/>
    </xf>
    <xf numFmtId="165" fontId="20" fillId="4" borderId="1" xfId="36" applyNumberFormat="1" applyFont="1" applyFill="1" applyBorder="1" applyAlignment="1">
      <alignment horizontal="left" vertical="center"/>
    </xf>
    <xf numFmtId="164" fontId="20" fillId="4" borderId="1" xfId="36"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5" fillId="3" borderId="0" xfId="0" applyFont="1" applyFill="1" applyBorder="1" applyAlignment="1">
      <alignmen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 fontId="20" fillId="0" borderId="1" xfId="25" applyNumberFormat="1" applyFont="1" applyFill="1" applyBorder="1" applyAlignment="1">
      <alignment horizontal="left" vertical="center"/>
    </xf>
    <xf numFmtId="1" fontId="20" fillId="4" borderId="1" xfId="35"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0" xfId="28" applyFont="1" applyFill="1" applyBorder="1" applyAlignment="1">
      <alignment horizontal="left" vertical="top" wrapText="1"/>
    </xf>
    <xf numFmtId="0" fontId="14" fillId="4" borderId="0" xfId="0" applyFont="1" applyFill="1" applyBorder="1" applyAlignment="1">
      <alignment horizontal="left" vertical="top"/>
    </xf>
    <xf numFmtId="0" fontId="15" fillId="0" borderId="0" xfId="28" quotePrefix="1" applyFont="1" applyFill="1" applyBorder="1" applyAlignment="1">
      <alignment horizontal="left" vertical="top" wrapText="1"/>
    </xf>
    <xf numFmtId="0" fontId="15" fillId="0" borderId="2" xfId="28" quotePrefix="1" applyFont="1" applyFill="1" applyBorder="1" applyAlignment="1">
      <alignment horizontal="left" vertical="top" wrapText="1"/>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1" xfId="0" applyFont="1" applyFill="1" applyBorder="1" applyAlignment="1">
      <alignment horizontal="left" vertical="top"/>
    </xf>
    <xf numFmtId="0" fontId="16" fillId="5" borderId="1"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0" xfId="7" quotePrefix="1" applyFont="1" applyFill="1" applyBorder="1" applyAlignment="1">
      <alignment vertical="top" wrapText="1"/>
    </xf>
    <xf numFmtId="0" fontId="15" fillId="0" borderId="2" xfId="4" quotePrefix="1" applyFont="1" applyFill="1" applyBorder="1" applyAlignment="1">
      <alignment vertical="top" wrapText="1"/>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8">
    <cellStyle name="Hyperlink" xfId="1" builtinId="8"/>
    <cellStyle name="Normal" xfId="0" builtinId="0"/>
    <cellStyle name="Normal 2" xfId="37"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Sheet8" xfId="35" xr:uid="{00000000-0005-0000-0000-00002B000000}"/>
    <cellStyle name="Normal_Volunteering" xfId="36"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4" name="Picture 3">
          <a:extLst>
            <a:ext uri="{FF2B5EF4-FFF2-40B4-BE49-F238E27FC236}">
              <a16:creationId xmlns:a16="http://schemas.microsoft.com/office/drawing/2014/main" id="{7C86130B-573E-43B0-B0EA-C2DFDDC42F98}"/>
            </a:ext>
          </a:extLst>
        </xdr:cNvPr>
        <xdr:cNvPicPr>
          <a:picLocks noChangeAspect="1"/>
        </xdr:cNvPicPr>
      </xdr:nvPicPr>
      <xdr:blipFill>
        <a:blip xmlns:r="http://schemas.openxmlformats.org/officeDocument/2006/relationships" r:embed="rId1"/>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S1" sqref="S1"/>
    </sheetView>
  </sheetViews>
  <sheetFormatPr defaultColWidth="8.85546875" defaultRowHeight="15"/>
  <cols>
    <col min="1" max="16384" width="8.85546875" style="2"/>
  </cols>
  <sheetData>
    <row r="1" spans="11:19" ht="23.25">
      <c r="Q1" s="225"/>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197"/>
  <sheetViews>
    <sheetView topLeftCell="A115" zoomScaleNormal="100" workbookViewId="0">
      <selection activeCell="A120" sqref="A120:L120"/>
    </sheetView>
  </sheetViews>
  <sheetFormatPr defaultColWidth="18.5703125" defaultRowHeight="15"/>
  <cols>
    <col min="1" max="1" width="36.85546875" customWidth="1"/>
  </cols>
  <sheetData>
    <row r="1" spans="1:4" ht="31.5">
      <c r="A1" s="33" t="s">
        <v>45</v>
      </c>
    </row>
    <row r="3" spans="1:4" ht="18.75">
      <c r="A3" s="316" t="s">
        <v>12</v>
      </c>
      <c r="B3" s="316"/>
      <c r="C3" s="316"/>
      <c r="D3" s="316"/>
    </row>
    <row r="4" spans="1:4" ht="99.75" customHeight="1">
      <c r="A4" s="382" t="s">
        <v>484</v>
      </c>
      <c r="B4" s="382"/>
      <c r="C4" s="382"/>
      <c r="D4" s="382"/>
    </row>
    <row r="5" spans="1:4" ht="42" customHeight="1">
      <c r="A5" s="364" t="s">
        <v>148</v>
      </c>
      <c r="B5" s="364"/>
      <c r="C5" s="364"/>
      <c r="D5" s="364"/>
    </row>
    <row r="6" spans="1:4" ht="36.75" customHeight="1">
      <c r="A6" s="37" t="s">
        <v>85</v>
      </c>
      <c r="B6" s="38" t="s">
        <v>86</v>
      </c>
      <c r="C6" s="39" t="s">
        <v>87</v>
      </c>
      <c r="D6" s="40" t="s">
        <v>88</v>
      </c>
    </row>
    <row r="7" spans="1:4" ht="75.75" customHeight="1">
      <c r="A7" s="41"/>
      <c r="B7" s="42" t="s">
        <v>89</v>
      </c>
      <c r="C7" s="126" t="s">
        <v>149</v>
      </c>
      <c r="D7" s="44" t="s">
        <v>91</v>
      </c>
    </row>
    <row r="8" spans="1:4">
      <c r="A8" s="45" t="s">
        <v>436</v>
      </c>
      <c r="B8" s="168">
        <v>8622</v>
      </c>
      <c r="C8" s="84">
        <v>4.4000000000000004</v>
      </c>
      <c r="D8" s="85">
        <v>1.9599999999999999E-2</v>
      </c>
    </row>
    <row r="9" spans="1:4">
      <c r="A9" s="49" t="s">
        <v>437</v>
      </c>
      <c r="B9" s="49">
        <v>7978</v>
      </c>
      <c r="C9" s="170">
        <v>4.3280430000000001</v>
      </c>
      <c r="D9" s="130">
        <v>5.7529919999999998E-2</v>
      </c>
    </row>
    <row r="10" spans="1:4">
      <c r="A10" s="53" t="s">
        <v>438</v>
      </c>
      <c r="B10" s="53">
        <v>777</v>
      </c>
      <c r="C10" s="84">
        <v>4.37</v>
      </c>
      <c r="D10" s="85">
        <v>9.8000000000000004E-2</v>
      </c>
    </row>
    <row r="11" spans="1:4">
      <c r="A11" s="49" t="s">
        <v>439</v>
      </c>
      <c r="B11" s="49">
        <v>739</v>
      </c>
      <c r="C11" s="170">
        <v>4.53</v>
      </c>
      <c r="D11" s="130">
        <v>9.8000000000000004E-2</v>
      </c>
    </row>
    <row r="12" spans="1:4">
      <c r="A12" s="53" t="s">
        <v>440</v>
      </c>
      <c r="B12" s="53">
        <v>653</v>
      </c>
      <c r="C12" s="84">
        <v>4.59</v>
      </c>
      <c r="D12" s="85">
        <v>9.8000000000000004E-2</v>
      </c>
    </row>
    <row r="13" spans="1:4" ht="25.5">
      <c r="A13" s="49" t="s">
        <v>453</v>
      </c>
      <c r="B13" s="49">
        <v>112</v>
      </c>
      <c r="C13" s="170">
        <v>4.5999999999999996</v>
      </c>
      <c r="D13" s="130">
        <v>0.25480000000000003</v>
      </c>
    </row>
    <row r="14" spans="1:4">
      <c r="A14" s="53" t="s">
        <v>441</v>
      </c>
      <c r="B14" s="53">
        <v>61</v>
      </c>
      <c r="C14" s="84">
        <v>4.57</v>
      </c>
      <c r="D14" s="85">
        <v>0.3528</v>
      </c>
    </row>
    <row r="15" spans="1:4">
      <c r="A15" s="49" t="s">
        <v>446</v>
      </c>
      <c r="B15" s="49">
        <v>88</v>
      </c>
      <c r="C15" s="170">
        <v>4.3099999999999996</v>
      </c>
      <c r="D15" s="130">
        <v>0.29399999999999998</v>
      </c>
    </row>
    <row r="16" spans="1:4">
      <c r="A16" s="53" t="s">
        <v>447</v>
      </c>
      <c r="B16" s="53">
        <v>106</v>
      </c>
      <c r="C16" s="84">
        <v>4.47</v>
      </c>
      <c r="D16" s="85">
        <v>0.25480000000000003</v>
      </c>
    </row>
    <row r="17" spans="1:25" ht="25.5">
      <c r="A17" s="49" t="s">
        <v>442</v>
      </c>
      <c r="B17" s="49">
        <v>72</v>
      </c>
      <c r="C17" s="170">
        <v>4.2300000000000004</v>
      </c>
      <c r="D17" s="130">
        <v>0.31359999999999999</v>
      </c>
    </row>
    <row r="18" spans="1:25">
      <c r="A18" s="45" t="s">
        <v>448</v>
      </c>
      <c r="B18" s="168">
        <v>252</v>
      </c>
      <c r="C18" s="84">
        <v>4.62</v>
      </c>
      <c r="D18" s="85">
        <v>0.15679999999999999</v>
      </c>
    </row>
    <row r="19" spans="1:25" ht="25.5">
      <c r="A19" s="49" t="s">
        <v>443</v>
      </c>
      <c r="B19" s="169">
        <v>111</v>
      </c>
      <c r="C19" s="170">
        <v>4.5</v>
      </c>
      <c r="D19" s="130">
        <v>0.21559999999999999</v>
      </c>
    </row>
    <row r="20" spans="1:25" ht="25.5">
      <c r="A20" s="53" t="s">
        <v>444</v>
      </c>
      <c r="B20" s="83">
        <v>70</v>
      </c>
      <c r="C20" s="84">
        <v>4.6399999999999997</v>
      </c>
      <c r="D20" s="85">
        <v>0.3332</v>
      </c>
      <c r="P20" s="248"/>
      <c r="Q20" s="248"/>
      <c r="R20" s="248"/>
      <c r="S20" s="248"/>
      <c r="T20" s="248"/>
      <c r="U20" s="248"/>
      <c r="V20" s="248"/>
      <c r="W20" s="248"/>
      <c r="X20" s="248"/>
      <c r="Y20" s="248"/>
    </row>
    <row r="21" spans="1:25">
      <c r="A21" s="49" t="s">
        <v>445</v>
      </c>
      <c r="B21" s="169">
        <v>71</v>
      </c>
      <c r="C21" s="170">
        <v>4.79</v>
      </c>
      <c r="D21" s="130">
        <v>0.3332</v>
      </c>
      <c r="P21" s="248"/>
      <c r="Q21" s="248"/>
      <c r="R21" s="248"/>
      <c r="S21" s="248"/>
      <c r="T21" s="248"/>
      <c r="U21" s="248"/>
      <c r="V21" s="248"/>
      <c r="W21" s="248"/>
      <c r="X21" s="248"/>
      <c r="Y21" s="248"/>
    </row>
    <row r="22" spans="1:25" ht="25.5">
      <c r="A22" s="57" t="s">
        <v>449</v>
      </c>
      <c r="B22" s="168">
        <v>100</v>
      </c>
      <c r="C22" s="84">
        <v>4.59</v>
      </c>
      <c r="D22" s="85">
        <v>0.25480000000000003</v>
      </c>
      <c r="P22" s="248"/>
      <c r="Q22" s="248"/>
      <c r="R22" s="248"/>
      <c r="S22" s="248"/>
      <c r="T22" s="248"/>
      <c r="U22" s="248"/>
      <c r="V22" s="248"/>
      <c r="W22" s="248"/>
      <c r="X22" s="248"/>
      <c r="Y22" s="248"/>
    </row>
    <row r="23" spans="1:25">
      <c r="A23" s="49" t="s">
        <v>454</v>
      </c>
      <c r="B23" s="169">
        <v>72</v>
      </c>
      <c r="C23" s="170">
        <v>4.55</v>
      </c>
      <c r="D23" s="130">
        <v>0.31359999999999999</v>
      </c>
      <c r="P23" s="248"/>
      <c r="Q23" s="248"/>
      <c r="R23" s="248"/>
      <c r="S23" s="248"/>
      <c r="T23" s="248"/>
      <c r="U23" s="248"/>
      <c r="V23" s="248"/>
      <c r="W23" s="248"/>
      <c r="X23" s="248"/>
      <c r="Y23" s="248"/>
    </row>
    <row r="24" spans="1:25">
      <c r="P24" s="248"/>
      <c r="Q24" s="248"/>
      <c r="R24" s="248"/>
      <c r="S24" s="248"/>
      <c r="T24" s="248"/>
      <c r="U24" s="248"/>
      <c r="V24" s="248"/>
      <c r="W24" s="248"/>
      <c r="X24" s="248"/>
      <c r="Y24" s="248"/>
    </row>
    <row r="25" spans="1:25">
      <c r="P25" s="248"/>
      <c r="Q25" s="248"/>
      <c r="R25" s="248"/>
      <c r="S25" s="248"/>
      <c r="T25" s="248"/>
      <c r="U25" s="248"/>
      <c r="V25" s="248"/>
      <c r="W25" s="248"/>
      <c r="X25" s="248"/>
      <c r="Y25" s="248"/>
    </row>
    <row r="26" spans="1:25">
      <c r="P26" s="248"/>
      <c r="Q26" s="248"/>
      <c r="R26" s="248"/>
      <c r="S26" s="248"/>
      <c r="T26" s="248"/>
      <c r="U26" s="248"/>
      <c r="V26" s="248"/>
      <c r="W26" s="248"/>
      <c r="X26" s="248"/>
      <c r="Y26" s="248"/>
    </row>
    <row r="27" spans="1:25">
      <c r="P27" s="248"/>
      <c r="Q27" s="248"/>
      <c r="R27" s="248"/>
      <c r="S27" s="248"/>
      <c r="T27" s="248"/>
      <c r="U27" s="248"/>
      <c r="V27" s="248"/>
      <c r="W27" s="248"/>
      <c r="X27" s="248"/>
      <c r="Y27" s="248"/>
    </row>
    <row r="28" spans="1:25">
      <c r="P28" s="248"/>
      <c r="Q28" s="248"/>
      <c r="R28" s="248"/>
      <c r="S28" s="248"/>
      <c r="T28" s="248"/>
      <c r="U28" s="248"/>
      <c r="V28" s="248"/>
      <c r="W28" s="248"/>
      <c r="X28" s="248"/>
      <c r="Y28" s="248"/>
    </row>
    <row r="29" spans="1:25">
      <c r="P29" s="248"/>
      <c r="Q29" s="248"/>
      <c r="R29" s="248"/>
      <c r="S29" s="248"/>
      <c r="T29" s="248"/>
      <c r="U29" s="248"/>
      <c r="V29" s="248"/>
      <c r="W29" s="248"/>
      <c r="X29" s="248"/>
      <c r="Y29" s="248"/>
    </row>
    <row r="30" spans="1:25">
      <c r="P30" s="248"/>
      <c r="Q30" s="248"/>
      <c r="R30" s="248"/>
      <c r="S30" s="248"/>
      <c r="T30" s="248"/>
      <c r="U30" s="248"/>
      <c r="V30" s="248"/>
      <c r="W30" s="248"/>
      <c r="X30" s="248"/>
      <c r="Y30" s="248"/>
    </row>
    <row r="31" spans="1:25">
      <c r="P31" s="248"/>
      <c r="Q31" s="248"/>
      <c r="R31" s="248"/>
      <c r="S31" s="248"/>
      <c r="T31" s="248"/>
      <c r="U31" s="248"/>
      <c r="V31" s="248"/>
      <c r="W31" s="248"/>
      <c r="X31" s="248"/>
      <c r="Y31" s="248"/>
    </row>
    <row r="32" spans="1:25" ht="18.75">
      <c r="A32" s="324" t="s">
        <v>46</v>
      </c>
      <c r="B32" s="324"/>
      <c r="C32" s="324"/>
      <c r="D32" s="324"/>
      <c r="E32" s="324"/>
      <c r="F32" s="324"/>
      <c r="G32" s="324"/>
      <c r="H32" s="324"/>
      <c r="I32" s="324"/>
      <c r="J32" s="324"/>
      <c r="K32" s="324"/>
      <c r="L32" s="324"/>
      <c r="M32" s="324"/>
      <c r="N32" s="324"/>
      <c r="O32" s="324"/>
      <c r="P32" s="226"/>
      <c r="Q32" s="226"/>
      <c r="R32" s="226"/>
      <c r="S32" s="226"/>
      <c r="T32" s="226"/>
      <c r="U32" s="226"/>
      <c r="V32" s="226"/>
      <c r="W32" s="248"/>
      <c r="X32" s="248"/>
      <c r="Y32" s="248"/>
    </row>
    <row r="33" spans="1:25" ht="66" customHeight="1">
      <c r="A33" s="384" t="s">
        <v>314</v>
      </c>
      <c r="B33" s="384"/>
      <c r="C33" s="384"/>
      <c r="D33" s="384"/>
      <c r="E33" s="384"/>
      <c r="F33" s="384"/>
      <c r="G33" s="384"/>
      <c r="H33" s="384"/>
      <c r="I33" s="384"/>
      <c r="J33" s="384"/>
      <c r="K33" s="384"/>
      <c r="L33" s="384"/>
      <c r="M33" s="384"/>
      <c r="N33" s="384"/>
      <c r="O33" s="384"/>
      <c r="P33" s="252"/>
      <c r="Q33" s="252"/>
      <c r="R33" s="252"/>
      <c r="S33" s="252"/>
      <c r="T33" s="252"/>
      <c r="U33" s="252"/>
      <c r="V33" s="252"/>
      <c r="W33" s="248"/>
      <c r="X33" s="248"/>
      <c r="Y33" s="248"/>
    </row>
    <row r="34" spans="1:25" ht="37.5" customHeight="1">
      <c r="A34" s="64"/>
      <c r="B34" s="362" t="s">
        <v>326</v>
      </c>
      <c r="C34" s="362"/>
      <c r="D34" s="362"/>
      <c r="E34" s="362"/>
      <c r="F34" s="362"/>
      <c r="G34" s="362"/>
      <c r="H34" s="362"/>
      <c r="I34" s="362" t="s">
        <v>327</v>
      </c>
      <c r="J34" s="362"/>
      <c r="K34" s="362"/>
      <c r="L34" s="362"/>
      <c r="M34" s="362"/>
      <c r="N34" s="362"/>
      <c r="O34" s="362"/>
      <c r="P34" s="248"/>
      <c r="Q34" s="248"/>
      <c r="R34" s="248"/>
      <c r="S34" s="248"/>
      <c r="T34" s="248"/>
      <c r="U34" s="248"/>
      <c r="V34" s="248"/>
      <c r="W34" s="248"/>
      <c r="X34" s="248"/>
      <c r="Y34" s="248"/>
    </row>
    <row r="35" spans="1:25" ht="37.5" customHeight="1">
      <c r="A35" s="37" t="s">
        <v>85</v>
      </c>
      <c r="B35" s="38" t="s">
        <v>86</v>
      </c>
      <c r="C35" s="38" t="s">
        <v>150</v>
      </c>
      <c r="D35" s="89" t="s">
        <v>394</v>
      </c>
      <c r="E35" s="38" t="s">
        <v>151</v>
      </c>
      <c r="F35" s="89" t="s">
        <v>395</v>
      </c>
      <c r="G35" s="38" t="s">
        <v>152</v>
      </c>
      <c r="H35" s="89" t="s">
        <v>396</v>
      </c>
      <c r="I35" s="38" t="s">
        <v>86</v>
      </c>
      <c r="J35" s="38" t="s">
        <v>150</v>
      </c>
      <c r="K35" s="89" t="s">
        <v>394</v>
      </c>
      <c r="L35" s="38" t="s">
        <v>151</v>
      </c>
      <c r="M35" s="89" t="s">
        <v>395</v>
      </c>
      <c r="N35" s="38" t="s">
        <v>152</v>
      </c>
      <c r="O35" s="89" t="s">
        <v>396</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6</v>
      </c>
      <c r="B37" s="168">
        <v>8604</v>
      </c>
      <c r="C37" s="171">
        <v>0.193</v>
      </c>
      <c r="D37" s="94">
        <v>8.509741074131473E-3</v>
      </c>
      <c r="E37" s="171">
        <v>0.17899999999999999</v>
      </c>
      <c r="F37" s="94">
        <v>8.2664374032983337E-3</v>
      </c>
      <c r="G37" s="171">
        <v>0.628</v>
      </c>
      <c r="H37" s="94">
        <v>1.0419438315405576E-2</v>
      </c>
      <c r="I37" s="168">
        <v>8598</v>
      </c>
      <c r="J37" s="171">
        <v>0.39400000000000002</v>
      </c>
      <c r="K37" s="94">
        <v>1.0537175191888152E-2</v>
      </c>
      <c r="L37" s="171">
        <v>0.16600000000000001</v>
      </c>
      <c r="M37" s="94">
        <v>8.026569595508945E-3</v>
      </c>
      <c r="N37" s="171">
        <v>0.44</v>
      </c>
      <c r="O37" s="94">
        <v>1.0704184304635267E-2</v>
      </c>
    </row>
    <row r="38" spans="1:25">
      <c r="A38" s="49" t="s">
        <v>437</v>
      </c>
      <c r="B38" s="169">
        <v>8001</v>
      </c>
      <c r="C38" s="172">
        <v>0.20130000000000001</v>
      </c>
      <c r="D38" s="97">
        <v>8.9656838647354277E-3</v>
      </c>
      <c r="E38" s="172">
        <v>0.1928</v>
      </c>
      <c r="F38" s="97">
        <v>8.8211445853471886E-3</v>
      </c>
      <c r="G38" s="172">
        <v>0.60580000000000001</v>
      </c>
      <c r="H38" s="97">
        <v>1.0924018860253666E-2</v>
      </c>
      <c r="I38" s="169">
        <v>7995</v>
      </c>
      <c r="J38" s="172">
        <v>0.41249999999999998</v>
      </c>
      <c r="K38" s="97">
        <v>1.1008671650237495E-2</v>
      </c>
      <c r="L38" s="172">
        <v>0.16800000000000001</v>
      </c>
      <c r="M38" s="97">
        <v>8.3637222030356964E-3</v>
      </c>
      <c r="N38" s="172">
        <v>0.41949999999999998</v>
      </c>
      <c r="O38" s="97">
        <v>1.1035322243231458E-2</v>
      </c>
    </row>
    <row r="39" spans="1:25">
      <c r="A39" s="53" t="s">
        <v>438</v>
      </c>
      <c r="B39" s="168">
        <v>776</v>
      </c>
      <c r="C39" s="171">
        <v>0.2273</v>
      </c>
      <c r="D39" s="94">
        <v>3.0076438962391702E-2</v>
      </c>
      <c r="E39" s="171">
        <v>0.1668</v>
      </c>
      <c r="F39" s="94">
        <v>2.6805427112567452E-2</v>
      </c>
      <c r="G39" s="171">
        <v>0.60589999999999999</v>
      </c>
      <c r="H39" s="94">
        <v>3.5001825502559245E-2</v>
      </c>
      <c r="I39" s="168">
        <v>777</v>
      </c>
      <c r="J39" s="171">
        <v>0.38059999999999999</v>
      </c>
      <c r="K39" s="94">
        <v>3.4758305625612732E-2</v>
      </c>
      <c r="L39" s="171">
        <v>0.1651</v>
      </c>
      <c r="M39" s="94">
        <v>2.6680440559231369E-2</v>
      </c>
      <c r="N39" s="171">
        <v>0.45440000000000003</v>
      </c>
      <c r="O39" s="94">
        <v>3.5635218657947734E-2</v>
      </c>
    </row>
    <row r="40" spans="1:25">
      <c r="A40" s="49" t="s">
        <v>439</v>
      </c>
      <c r="B40" s="169">
        <v>737</v>
      </c>
      <c r="C40" s="172">
        <v>0.17899999999999999</v>
      </c>
      <c r="D40" s="97">
        <v>2.827171525089265E-2</v>
      </c>
      <c r="E40" s="172">
        <v>0.18099999999999999</v>
      </c>
      <c r="F40" s="97">
        <v>2.8392341728778116E-2</v>
      </c>
      <c r="G40" s="172">
        <v>0.64</v>
      </c>
      <c r="H40" s="97">
        <v>3.528262866581372E-2</v>
      </c>
      <c r="I40" s="169">
        <v>737</v>
      </c>
      <c r="J40" s="172">
        <v>0.35</v>
      </c>
      <c r="K40" s="97">
        <v>3.5062485909559939E-2</v>
      </c>
      <c r="L40" s="172">
        <v>0.16300000000000001</v>
      </c>
      <c r="M40" s="97">
        <v>2.725931916858244E-2</v>
      </c>
      <c r="N40" s="172">
        <v>0.48799999999999999</v>
      </c>
      <c r="O40" s="97">
        <v>3.6725450397991327E-2</v>
      </c>
    </row>
    <row r="41" spans="1:25">
      <c r="A41" s="53" t="s">
        <v>440</v>
      </c>
      <c r="B41" s="168">
        <v>651</v>
      </c>
      <c r="C41" s="171">
        <v>0.155</v>
      </c>
      <c r="D41" s="94">
        <v>2.8437616369319182E-2</v>
      </c>
      <c r="E41" s="171">
        <v>0.21</v>
      </c>
      <c r="F41" s="94">
        <v>3.1927784847106094E-2</v>
      </c>
      <c r="G41" s="171">
        <v>0.63500000000000001</v>
      </c>
      <c r="H41" s="94">
        <v>3.7640072501911662E-2</v>
      </c>
      <c r="I41" s="168">
        <v>651</v>
      </c>
      <c r="J41" s="171">
        <v>0.33800000000000002</v>
      </c>
      <c r="K41" s="94">
        <v>3.6991895845657333E-2</v>
      </c>
      <c r="L41" s="171">
        <v>0.16300000000000001</v>
      </c>
      <c r="M41" s="94">
        <v>2.9010539476051114E-2</v>
      </c>
      <c r="N41" s="171">
        <v>0.499</v>
      </c>
      <c r="O41" s="94">
        <v>3.9073156063231682E-2</v>
      </c>
    </row>
    <row r="42" spans="1:25" ht="25.5">
      <c r="A42" s="49" t="s">
        <v>453</v>
      </c>
      <c r="B42" s="169">
        <v>112</v>
      </c>
      <c r="C42" s="172">
        <v>0.17199999999999999</v>
      </c>
      <c r="D42" s="97">
        <v>7.1849378445414072E-2</v>
      </c>
      <c r="E42" s="172">
        <v>0.126</v>
      </c>
      <c r="F42" s="97">
        <v>6.4220605685371149E-2</v>
      </c>
      <c r="G42" s="172">
        <v>0.70299999999999996</v>
      </c>
      <c r="H42" s="97">
        <v>8.5416626016250496E-2</v>
      </c>
      <c r="I42" s="169">
        <v>112</v>
      </c>
      <c r="J42" s="172">
        <v>0.23</v>
      </c>
      <c r="K42" s="97">
        <v>7.9229240441263768E-2</v>
      </c>
      <c r="L42" s="172">
        <v>0.255</v>
      </c>
      <c r="M42" s="97">
        <v>8.179943550251477E-2</v>
      </c>
      <c r="N42" s="172">
        <v>0.51500000000000001</v>
      </c>
      <c r="O42" s="97">
        <v>9.2808711263012378E-2</v>
      </c>
    </row>
    <row r="43" spans="1:25">
      <c r="A43" s="53" t="s">
        <v>441</v>
      </c>
      <c r="B43" s="168">
        <v>61</v>
      </c>
      <c r="C43" s="171">
        <v>0.19600000000000001</v>
      </c>
      <c r="D43" s="94">
        <v>0.10186213886246831</v>
      </c>
      <c r="E43" s="171">
        <v>0.16</v>
      </c>
      <c r="F43" s="94">
        <v>9.5495442391372254E-2</v>
      </c>
      <c r="G43" s="171">
        <v>0.64500000000000002</v>
      </c>
      <c r="H43" s="94">
        <v>0.11935288878742145</v>
      </c>
      <c r="I43" s="168">
        <v>61</v>
      </c>
      <c r="J43" s="171">
        <v>0.29299999999999998</v>
      </c>
      <c r="K43" s="94">
        <v>0.11429044099595387</v>
      </c>
      <c r="L43" s="171">
        <v>0.252</v>
      </c>
      <c r="M43" s="94">
        <v>0.1097781843314992</v>
      </c>
      <c r="N43" s="171">
        <v>0.45600000000000002</v>
      </c>
      <c r="O43" s="94">
        <v>0.12361103892089992</v>
      </c>
    </row>
    <row r="44" spans="1:25">
      <c r="A44" s="49" t="s">
        <v>446</v>
      </c>
      <c r="B44" s="169">
        <v>88</v>
      </c>
      <c r="C44" s="172">
        <v>0.315</v>
      </c>
      <c r="D44" s="97">
        <v>9.7509506652247627E-2</v>
      </c>
      <c r="E44" s="172">
        <v>8.5999999999999993E-2</v>
      </c>
      <c r="F44" s="97">
        <v>6.3651223561449033E-2</v>
      </c>
      <c r="G44" s="172">
        <v>0.59799999999999998</v>
      </c>
      <c r="H44" s="97">
        <v>0.10240859666388637</v>
      </c>
      <c r="I44" s="169">
        <v>88</v>
      </c>
      <c r="J44" s="172">
        <v>0.46899999999999997</v>
      </c>
      <c r="K44" s="97">
        <v>0.10407370895129853</v>
      </c>
      <c r="L44" s="172">
        <v>7.6999999999999999E-2</v>
      </c>
      <c r="M44" s="97">
        <v>6.1252081917641789E-2</v>
      </c>
      <c r="N44" s="172">
        <v>0.45400000000000001</v>
      </c>
      <c r="O44" s="97">
        <v>0.10385273855006341</v>
      </c>
    </row>
    <row r="45" spans="1:25">
      <c r="A45" s="53" t="s">
        <v>447</v>
      </c>
      <c r="B45" s="168">
        <v>106</v>
      </c>
      <c r="C45" s="171">
        <v>0.14399999999999999</v>
      </c>
      <c r="D45" s="94">
        <v>6.9364276591176818E-2</v>
      </c>
      <c r="E45" s="171">
        <v>0.32500000000000001</v>
      </c>
      <c r="F45" s="94">
        <v>8.9759633944218778E-2</v>
      </c>
      <c r="G45" s="171">
        <v>0.53100000000000003</v>
      </c>
      <c r="H45" s="94">
        <v>9.5175936638950007E-2</v>
      </c>
      <c r="I45" s="168">
        <v>105</v>
      </c>
      <c r="J45" s="171">
        <v>0.34499999999999997</v>
      </c>
      <c r="K45" s="94">
        <v>9.1412152359640383E-2</v>
      </c>
      <c r="L45" s="171">
        <v>0.189</v>
      </c>
      <c r="M45" s="94">
        <v>7.6685354027145325E-2</v>
      </c>
      <c r="N45" s="171">
        <v>0.46600000000000003</v>
      </c>
      <c r="O45" s="94">
        <v>9.5576913120613935E-2</v>
      </c>
    </row>
    <row r="46" spans="1:25" ht="25.5">
      <c r="A46" s="49" t="s">
        <v>442</v>
      </c>
      <c r="B46" s="169">
        <v>72</v>
      </c>
      <c r="C46" s="172">
        <v>0.191</v>
      </c>
      <c r="D46" s="97">
        <v>9.2992682585424924E-2</v>
      </c>
      <c r="E46" s="172">
        <v>0.22500000000000001</v>
      </c>
      <c r="F46" s="97">
        <v>9.7905980350958571E-2</v>
      </c>
      <c r="G46" s="172">
        <v>0.58299999999999996</v>
      </c>
      <c r="H46" s="97">
        <v>0.11328052621984243</v>
      </c>
      <c r="I46" s="169">
        <v>71</v>
      </c>
      <c r="J46" s="172">
        <v>0.45900000000000002</v>
      </c>
      <c r="K46" s="97">
        <v>0.11512162267921824</v>
      </c>
      <c r="L46" s="172">
        <v>0.26200000000000001</v>
      </c>
      <c r="M46" s="97">
        <v>0.10308233756386023</v>
      </c>
      <c r="N46" s="172">
        <v>0.27900000000000003</v>
      </c>
      <c r="O46" s="97">
        <v>0.10487574391454695</v>
      </c>
    </row>
    <row r="47" spans="1:25">
      <c r="A47" s="45" t="s">
        <v>448</v>
      </c>
      <c r="B47" s="168">
        <v>251</v>
      </c>
      <c r="C47" s="171">
        <v>0.155</v>
      </c>
      <c r="D47" s="94">
        <v>4.5963298308213649E-2</v>
      </c>
      <c r="E47" s="171">
        <v>0.19900000000000001</v>
      </c>
      <c r="F47" s="94">
        <v>5.0444159164160576E-2</v>
      </c>
      <c r="G47" s="171">
        <v>0.64600000000000002</v>
      </c>
      <c r="H47" s="94">
        <v>5.9980061034277672E-2</v>
      </c>
      <c r="I47" s="168">
        <v>251</v>
      </c>
      <c r="J47" s="171">
        <v>0.34200000000000003</v>
      </c>
      <c r="K47" s="94">
        <v>5.9516093284666553E-2</v>
      </c>
      <c r="L47" s="171">
        <v>0.14000000000000001</v>
      </c>
      <c r="M47" s="94">
        <v>4.418037770093651E-2</v>
      </c>
      <c r="N47" s="171">
        <v>0.51800000000000002</v>
      </c>
      <c r="O47" s="94">
        <v>6.2583100516967416E-2</v>
      </c>
    </row>
    <row r="48" spans="1:25" ht="25.5">
      <c r="A48" s="49" t="s">
        <v>443</v>
      </c>
      <c r="B48" s="169">
        <v>111</v>
      </c>
      <c r="C48" s="172">
        <v>0.154</v>
      </c>
      <c r="D48" s="97">
        <v>6.9399219034016787E-2</v>
      </c>
      <c r="E48" s="172">
        <v>0.17399999999999999</v>
      </c>
      <c r="F48" s="97">
        <v>7.2469132778862425E-2</v>
      </c>
      <c r="G48" s="172">
        <v>0.67200000000000004</v>
      </c>
      <c r="H48" s="97">
        <v>8.7960114633948483E-2</v>
      </c>
      <c r="I48" s="169">
        <v>110</v>
      </c>
      <c r="J48" s="172">
        <v>0.38500000000000001</v>
      </c>
      <c r="K48" s="97">
        <v>9.1322983452993112E-2</v>
      </c>
      <c r="L48" s="172">
        <v>0.153</v>
      </c>
      <c r="M48" s="97">
        <v>6.9558132467123959E-2</v>
      </c>
      <c r="N48" s="172">
        <v>0.46200000000000002</v>
      </c>
      <c r="O48" s="97">
        <v>9.3406404144912081E-2</v>
      </c>
    </row>
    <row r="49" spans="1:15" ht="25.5">
      <c r="A49" s="53" t="s">
        <v>444</v>
      </c>
      <c r="B49" s="168">
        <v>70</v>
      </c>
      <c r="C49" s="171">
        <v>0.18099999999999999</v>
      </c>
      <c r="D49" s="94">
        <v>9.2690376698561713E-2</v>
      </c>
      <c r="E49" s="171">
        <v>0.29599999999999999</v>
      </c>
      <c r="F49" s="94">
        <v>0.10724093402165209</v>
      </c>
      <c r="G49" s="171">
        <v>0.52300000000000002</v>
      </c>
      <c r="H49" s="94">
        <v>0.11613753345749456</v>
      </c>
      <c r="I49" s="168">
        <v>70</v>
      </c>
      <c r="J49" s="171">
        <v>0.26700000000000002</v>
      </c>
      <c r="K49" s="94">
        <v>0.10434388500920923</v>
      </c>
      <c r="L49" s="171">
        <v>0.125</v>
      </c>
      <c r="M49" s="94">
        <v>8.192508735188965E-2</v>
      </c>
      <c r="N49" s="171">
        <v>0.60799999999999998</v>
      </c>
      <c r="O49" s="94">
        <v>0.11379519123035985</v>
      </c>
    </row>
    <row r="50" spans="1:15">
      <c r="A50" s="49" t="s">
        <v>445</v>
      </c>
      <c r="B50" s="169">
        <v>70</v>
      </c>
      <c r="C50" s="172">
        <v>0.13700000000000001</v>
      </c>
      <c r="D50" s="97">
        <v>8.449893306930302E-2</v>
      </c>
      <c r="E50" s="172">
        <v>0.16</v>
      </c>
      <c r="F50" s="97">
        <v>8.9006386805599663E-2</v>
      </c>
      <c r="G50" s="172">
        <v>0.70399999999999996</v>
      </c>
      <c r="H50" s="97">
        <v>0.10724093402165211</v>
      </c>
      <c r="I50" s="169">
        <v>71</v>
      </c>
      <c r="J50" s="172">
        <v>0.33900000000000002</v>
      </c>
      <c r="K50" s="97">
        <v>0.1099745851421372</v>
      </c>
      <c r="L50" s="172">
        <v>0.13200000000000001</v>
      </c>
      <c r="M50" s="97">
        <v>8.282866512577948E-2</v>
      </c>
      <c r="N50" s="172">
        <v>0.53</v>
      </c>
      <c r="O50" s="97">
        <v>0.11528363630628589</v>
      </c>
    </row>
    <row r="51" spans="1:15" ht="25.5">
      <c r="A51" s="57" t="s">
        <v>449</v>
      </c>
      <c r="B51" s="168">
        <v>99</v>
      </c>
      <c r="C51" s="171">
        <v>0.151</v>
      </c>
      <c r="D51" s="94">
        <v>7.3067485031075199E-2</v>
      </c>
      <c r="E51" s="171">
        <v>0.16700000000000001</v>
      </c>
      <c r="F51" s="94">
        <v>7.5699072145664528E-2</v>
      </c>
      <c r="G51" s="171">
        <v>0.68200000000000005</v>
      </c>
      <c r="H51" s="94">
        <v>9.2305693434106981E-2</v>
      </c>
      <c r="I51" s="168">
        <v>100</v>
      </c>
      <c r="J51" s="171">
        <v>0.36499999999999999</v>
      </c>
      <c r="K51" s="94">
        <v>9.4695861947149088E-2</v>
      </c>
      <c r="L51" s="171">
        <v>0.13300000000000001</v>
      </c>
      <c r="M51" s="94">
        <v>6.9468434509952368E-2</v>
      </c>
      <c r="N51" s="171">
        <v>0.502</v>
      </c>
      <c r="O51" s="94">
        <v>9.8057342284844876E-2</v>
      </c>
    </row>
    <row r="52" spans="1:15">
      <c r="A52" s="49" t="s">
        <v>454</v>
      </c>
      <c r="B52" s="169">
        <v>72</v>
      </c>
      <c r="C52" s="172">
        <v>0.18</v>
      </c>
      <c r="D52" s="97">
        <v>9.1218445404634016E-2</v>
      </c>
      <c r="E52" s="172">
        <v>0.09</v>
      </c>
      <c r="F52" s="97">
        <v>7.2231020407321933E-2</v>
      </c>
      <c r="G52" s="172">
        <v>0.72899999999999998</v>
      </c>
      <c r="H52" s="97">
        <v>0.10334760948402293</v>
      </c>
      <c r="I52" s="169">
        <v>72</v>
      </c>
      <c r="J52" s="172">
        <v>0.39200000000000002</v>
      </c>
      <c r="K52" s="97">
        <v>0.11228054132029165</v>
      </c>
      <c r="L52" s="172">
        <v>0.159</v>
      </c>
      <c r="M52" s="97">
        <v>8.7550586048090212E-2</v>
      </c>
      <c r="N52" s="172">
        <v>0.44900000000000001</v>
      </c>
      <c r="O52" s="97">
        <v>0.11417105921599319</v>
      </c>
    </row>
    <row r="61" spans="1:15" ht="18.75">
      <c r="A61" s="316" t="s">
        <v>264</v>
      </c>
      <c r="B61" s="316"/>
      <c r="C61" s="316"/>
      <c r="D61" s="316"/>
    </row>
    <row r="62" spans="1:15" ht="112.5" customHeight="1">
      <c r="A62" s="382" t="s">
        <v>315</v>
      </c>
      <c r="B62" s="382"/>
      <c r="C62" s="382"/>
      <c r="D62" s="382"/>
    </row>
    <row r="63" spans="1:15" ht="39" customHeight="1">
      <c r="A63" s="364" t="s">
        <v>265</v>
      </c>
      <c r="B63" s="364"/>
      <c r="C63" s="364"/>
      <c r="D63" s="364"/>
    </row>
    <row r="64" spans="1:15" ht="39" customHeight="1">
      <c r="A64" s="37" t="s">
        <v>85</v>
      </c>
      <c r="B64" s="38" t="s">
        <v>86</v>
      </c>
      <c r="C64" s="39" t="s">
        <v>87</v>
      </c>
      <c r="D64" s="40" t="s">
        <v>88</v>
      </c>
    </row>
    <row r="65" spans="1:4" ht="72">
      <c r="A65" s="41"/>
      <c r="B65" s="42" t="s">
        <v>89</v>
      </c>
      <c r="C65" s="126" t="s">
        <v>153</v>
      </c>
      <c r="D65" s="44" t="s">
        <v>91</v>
      </c>
    </row>
    <row r="66" spans="1:4">
      <c r="A66" s="45" t="s">
        <v>436</v>
      </c>
      <c r="B66" s="173">
        <v>8617</v>
      </c>
      <c r="C66" s="84">
        <v>2.95</v>
      </c>
      <c r="D66" s="85">
        <v>3.9199999999999999E-2</v>
      </c>
    </row>
    <row r="67" spans="1:4">
      <c r="A67" s="49" t="s">
        <v>437</v>
      </c>
      <c r="B67" s="49">
        <v>7922</v>
      </c>
      <c r="C67" s="176">
        <v>2.9209130000000001</v>
      </c>
      <c r="D67" s="177">
        <v>3.6213352000000004E-2</v>
      </c>
    </row>
    <row r="68" spans="1:4">
      <c r="A68" s="53" t="s">
        <v>438</v>
      </c>
      <c r="B68" s="53">
        <v>777</v>
      </c>
      <c r="C68" s="84">
        <v>2.64</v>
      </c>
      <c r="D68" s="85">
        <v>0.1176</v>
      </c>
    </row>
    <row r="69" spans="1:4">
      <c r="A69" s="49" t="s">
        <v>439</v>
      </c>
      <c r="B69" s="49">
        <v>740</v>
      </c>
      <c r="C69" s="176">
        <v>3.02</v>
      </c>
      <c r="D69" s="177">
        <v>0.1176</v>
      </c>
    </row>
    <row r="70" spans="1:4">
      <c r="A70" s="53" t="s">
        <v>440</v>
      </c>
      <c r="B70" s="53">
        <v>654</v>
      </c>
      <c r="C70" s="84">
        <v>3.16</v>
      </c>
      <c r="D70" s="85">
        <v>0.13720000000000002</v>
      </c>
    </row>
    <row r="71" spans="1:4" ht="25.5">
      <c r="A71" s="49" t="s">
        <v>453</v>
      </c>
      <c r="B71" s="49">
        <v>112</v>
      </c>
      <c r="C71" s="176">
        <v>3.05</v>
      </c>
      <c r="D71" s="177">
        <v>0.29399999999999998</v>
      </c>
    </row>
    <row r="72" spans="1:4">
      <c r="A72" s="53" t="s">
        <v>441</v>
      </c>
      <c r="B72" s="53">
        <v>61</v>
      </c>
      <c r="C72" s="84">
        <v>3.13</v>
      </c>
      <c r="D72" s="85">
        <v>0.41159999999999997</v>
      </c>
    </row>
    <row r="73" spans="1:4">
      <c r="A73" s="49" t="s">
        <v>446</v>
      </c>
      <c r="B73" s="49">
        <v>88</v>
      </c>
      <c r="C73" s="176">
        <v>2.2000000000000002</v>
      </c>
      <c r="D73" s="177">
        <v>0.31359999999999999</v>
      </c>
    </row>
    <row r="74" spans="1:4">
      <c r="A74" s="53" t="s">
        <v>447</v>
      </c>
      <c r="B74" s="53">
        <v>106</v>
      </c>
      <c r="C74" s="84">
        <v>2.91</v>
      </c>
      <c r="D74" s="85">
        <v>0.31359999999999999</v>
      </c>
    </row>
    <row r="75" spans="1:4" ht="25.5">
      <c r="A75" s="49" t="s">
        <v>442</v>
      </c>
      <c r="B75" s="49">
        <v>72</v>
      </c>
      <c r="C75" s="176">
        <v>2.65</v>
      </c>
      <c r="D75" s="177">
        <v>0.37240000000000001</v>
      </c>
    </row>
    <row r="76" spans="1:4">
      <c r="A76" s="45" t="s">
        <v>448</v>
      </c>
      <c r="B76" s="173">
        <v>253</v>
      </c>
      <c r="C76" s="84">
        <v>3.26</v>
      </c>
      <c r="D76" s="85">
        <v>0.21559999999999999</v>
      </c>
    </row>
    <row r="77" spans="1:4" ht="25.5">
      <c r="A77" s="49" t="s">
        <v>443</v>
      </c>
      <c r="B77" s="175">
        <v>112</v>
      </c>
      <c r="C77" s="176">
        <v>3.03</v>
      </c>
      <c r="D77" s="177">
        <v>0.29399999999999998</v>
      </c>
    </row>
    <row r="78" spans="1:4" ht="25.5">
      <c r="A78" s="53" t="s">
        <v>444</v>
      </c>
      <c r="B78" s="83">
        <v>70</v>
      </c>
      <c r="C78" s="84">
        <v>3.79</v>
      </c>
      <c r="D78" s="85">
        <v>0.39200000000000002</v>
      </c>
    </row>
    <row r="79" spans="1:4">
      <c r="A79" s="49" t="s">
        <v>445</v>
      </c>
      <c r="B79" s="175">
        <v>71</v>
      </c>
      <c r="C79" s="176">
        <v>3.19</v>
      </c>
      <c r="D79" s="177">
        <v>0.43119999999999997</v>
      </c>
    </row>
    <row r="80" spans="1:4" ht="25.5">
      <c r="A80" s="57" t="s">
        <v>449</v>
      </c>
      <c r="B80" s="173">
        <v>100</v>
      </c>
      <c r="C80" s="84">
        <v>3.46</v>
      </c>
      <c r="D80" s="85">
        <v>0.37240000000000001</v>
      </c>
    </row>
    <row r="81" spans="1:30">
      <c r="A81" s="49" t="s">
        <v>454</v>
      </c>
      <c r="B81" s="175">
        <v>72</v>
      </c>
      <c r="C81" s="176">
        <v>3.03</v>
      </c>
      <c r="D81" s="177">
        <v>0.43119999999999997</v>
      </c>
    </row>
    <row r="85" spans="1:30">
      <c r="P85" s="256"/>
      <c r="Q85" s="256"/>
      <c r="R85" s="256"/>
      <c r="S85" s="256"/>
      <c r="T85" s="256"/>
      <c r="U85" s="256"/>
      <c r="V85" s="256"/>
      <c r="W85" s="256"/>
      <c r="X85" s="256"/>
      <c r="Y85" s="256"/>
      <c r="Z85" s="256"/>
      <c r="AA85" s="256"/>
      <c r="AB85" s="256"/>
      <c r="AC85" s="256"/>
      <c r="AD85" s="256"/>
    </row>
    <row r="86" spans="1:30">
      <c r="P86" s="256"/>
      <c r="Q86" s="256"/>
      <c r="R86" s="256"/>
      <c r="S86" s="256"/>
      <c r="T86" s="256"/>
      <c r="U86" s="256"/>
      <c r="V86" s="256"/>
      <c r="W86" s="256"/>
      <c r="X86" s="256"/>
      <c r="Y86" s="256"/>
      <c r="Z86" s="256"/>
      <c r="AA86" s="256"/>
      <c r="AB86" s="256"/>
      <c r="AC86" s="256"/>
      <c r="AD86" s="256"/>
    </row>
    <row r="87" spans="1:30">
      <c r="P87" s="256"/>
      <c r="Q87" s="256"/>
      <c r="R87" s="256"/>
      <c r="S87" s="256"/>
      <c r="T87" s="256"/>
      <c r="U87" s="256"/>
      <c r="V87" s="256"/>
      <c r="W87" s="256"/>
      <c r="X87" s="256"/>
      <c r="Y87" s="256"/>
      <c r="Z87" s="256"/>
      <c r="AA87" s="256"/>
      <c r="AB87" s="256"/>
      <c r="AC87" s="256"/>
      <c r="AD87" s="256"/>
    </row>
    <row r="88" spans="1:30">
      <c r="P88" s="256"/>
      <c r="Q88" s="256"/>
      <c r="R88" s="256"/>
      <c r="S88" s="256"/>
      <c r="T88" s="256"/>
      <c r="U88" s="256"/>
      <c r="V88" s="256"/>
      <c r="W88" s="256"/>
      <c r="X88" s="256"/>
      <c r="Y88" s="256"/>
      <c r="Z88" s="256"/>
      <c r="AA88" s="256"/>
      <c r="AB88" s="256"/>
      <c r="AC88" s="256"/>
      <c r="AD88" s="256"/>
    </row>
    <row r="89" spans="1:30">
      <c r="P89" s="256"/>
      <c r="Q89" s="256"/>
      <c r="R89" s="256"/>
      <c r="S89" s="256"/>
      <c r="T89" s="256"/>
      <c r="U89" s="256"/>
      <c r="V89" s="256"/>
      <c r="W89" s="256"/>
      <c r="X89" s="256"/>
      <c r="Y89" s="256"/>
      <c r="Z89" s="256"/>
      <c r="AA89" s="256"/>
      <c r="AB89" s="256"/>
      <c r="AC89" s="256"/>
      <c r="AD89" s="256"/>
    </row>
    <row r="90" spans="1:30" ht="18.75">
      <c r="A90" s="324" t="s">
        <v>47</v>
      </c>
      <c r="B90" s="324"/>
      <c r="C90" s="324"/>
      <c r="D90" s="324"/>
      <c r="E90" s="324"/>
      <c r="F90" s="324"/>
      <c r="G90" s="324"/>
      <c r="H90" s="324"/>
      <c r="I90" s="324"/>
      <c r="J90" s="324"/>
      <c r="K90" s="324"/>
      <c r="L90" s="324"/>
      <c r="M90" s="324"/>
      <c r="N90" s="324"/>
      <c r="O90" s="324"/>
      <c r="P90" s="226"/>
      <c r="Q90" s="226"/>
      <c r="R90" s="226"/>
      <c r="S90" s="226"/>
      <c r="T90" s="226"/>
      <c r="U90" s="226"/>
      <c r="V90" s="226"/>
      <c r="W90" s="226"/>
      <c r="X90" s="226"/>
      <c r="Y90" s="226"/>
      <c r="Z90" s="226"/>
      <c r="AA90" s="226"/>
      <c r="AB90" s="226"/>
      <c r="AC90" s="226"/>
      <c r="AD90" s="256"/>
    </row>
    <row r="91" spans="1:30" ht="65.25" customHeight="1">
      <c r="A91" s="384" t="s">
        <v>316</v>
      </c>
      <c r="B91" s="384"/>
      <c r="C91" s="384"/>
      <c r="D91" s="384"/>
      <c r="E91" s="384"/>
      <c r="F91" s="384"/>
      <c r="G91" s="384"/>
      <c r="H91" s="384"/>
      <c r="I91" s="384"/>
      <c r="J91" s="384"/>
      <c r="K91" s="384"/>
      <c r="L91" s="384"/>
      <c r="M91" s="384"/>
      <c r="N91" s="384"/>
      <c r="O91" s="384"/>
      <c r="P91" s="252"/>
      <c r="Q91" s="252"/>
      <c r="R91" s="252"/>
      <c r="S91" s="252"/>
      <c r="T91" s="252"/>
      <c r="U91" s="252"/>
      <c r="V91" s="252"/>
      <c r="W91" s="252"/>
      <c r="X91" s="252"/>
      <c r="Y91" s="252"/>
      <c r="Z91" s="252"/>
      <c r="AA91" s="252"/>
      <c r="AB91" s="252"/>
      <c r="AC91" s="252"/>
      <c r="AD91" s="256"/>
    </row>
    <row r="92" spans="1:30" ht="38.25" customHeight="1">
      <c r="A92" s="64"/>
      <c r="B92" s="362" t="s">
        <v>241</v>
      </c>
      <c r="C92" s="362"/>
      <c r="D92" s="362"/>
      <c r="E92" s="362"/>
      <c r="F92" s="362"/>
      <c r="G92" s="362"/>
      <c r="H92" s="362"/>
      <c r="I92" s="362" t="s">
        <v>242</v>
      </c>
      <c r="J92" s="362"/>
      <c r="K92" s="362"/>
      <c r="L92" s="362"/>
      <c r="M92" s="362"/>
      <c r="N92" s="362"/>
      <c r="O92" s="362"/>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6</v>
      </c>
      <c r="B95" s="173">
        <v>8564</v>
      </c>
      <c r="C95" s="178">
        <v>0.64300000000000002</v>
      </c>
      <c r="D95" s="94">
        <v>1.0352563855930568E-2</v>
      </c>
      <c r="E95" s="178">
        <v>8.2000000000000003E-2</v>
      </c>
      <c r="F95" s="94">
        <v>5.9345599913928392E-3</v>
      </c>
      <c r="G95" s="178">
        <v>0.27500000000000002</v>
      </c>
      <c r="H95" s="94">
        <v>9.6488839108659491E-3</v>
      </c>
      <c r="I95" s="173">
        <v>8575</v>
      </c>
      <c r="J95" s="178">
        <v>0.623</v>
      </c>
      <c r="K95" s="94">
        <v>1.0465004033900629E-2</v>
      </c>
      <c r="L95" s="178">
        <v>9.9000000000000005E-2</v>
      </c>
      <c r="M95" s="94">
        <v>6.4544062888594756E-3</v>
      </c>
      <c r="N95" s="178">
        <v>0.27900000000000003</v>
      </c>
      <c r="O95" s="94">
        <v>9.6856895190340735E-3</v>
      </c>
    </row>
    <row r="96" spans="1:30">
      <c r="A96" s="49" t="s">
        <v>437</v>
      </c>
      <c r="B96" s="175">
        <v>7972</v>
      </c>
      <c r="C96" s="179">
        <v>0.62339999999999995</v>
      </c>
      <c r="D96" s="97">
        <v>1.0851133399942283E-2</v>
      </c>
      <c r="E96" s="179">
        <v>0.1008</v>
      </c>
      <c r="F96" s="97">
        <v>6.7480507263889171E-3</v>
      </c>
      <c r="G96" s="179">
        <v>0.27579999999999999</v>
      </c>
      <c r="H96" s="97">
        <v>1.0009643400605403E-2</v>
      </c>
      <c r="I96" s="175">
        <v>7963</v>
      </c>
      <c r="J96" s="179">
        <v>0.65549999999999997</v>
      </c>
      <c r="K96" s="97">
        <v>1.0648462088641538E-2</v>
      </c>
      <c r="L96" s="179">
        <v>7.5700000000000003E-2</v>
      </c>
      <c r="M96" s="97">
        <v>5.9346781356819272E-3</v>
      </c>
      <c r="N96" s="179">
        <v>0.26879999999999998</v>
      </c>
      <c r="O96" s="97">
        <v>9.9351536580892571E-3</v>
      </c>
    </row>
    <row r="97" spans="1:15">
      <c r="A97" s="53" t="s">
        <v>438</v>
      </c>
      <c r="B97" s="173">
        <v>772</v>
      </c>
      <c r="C97" s="178">
        <v>0.76060000000000005</v>
      </c>
      <c r="D97" s="94">
        <v>3.0695206228583287E-2</v>
      </c>
      <c r="E97" s="178">
        <v>7.4899999999999994E-2</v>
      </c>
      <c r="F97" s="94">
        <v>1.9150540122356226E-2</v>
      </c>
      <c r="G97" s="178">
        <v>0.16450000000000001</v>
      </c>
      <c r="H97" s="94">
        <v>2.6728606840815954E-2</v>
      </c>
      <c r="I97" s="173">
        <v>775</v>
      </c>
      <c r="J97" s="178">
        <v>0.64800000000000002</v>
      </c>
      <c r="K97" s="94">
        <v>3.4239987228942073E-2</v>
      </c>
      <c r="L97" s="178">
        <v>8.3000000000000004E-2</v>
      </c>
      <c r="M97" s="94">
        <v>1.9998996329259174E-2</v>
      </c>
      <c r="N97" s="178">
        <v>0.26900000000000002</v>
      </c>
      <c r="O97" s="94">
        <v>3.1819903020326883E-2</v>
      </c>
    </row>
    <row r="98" spans="1:15">
      <c r="A98" s="49" t="s">
        <v>439</v>
      </c>
      <c r="B98" s="175">
        <v>735</v>
      </c>
      <c r="C98" s="179">
        <v>0.61899999999999999</v>
      </c>
      <c r="D98" s="97">
        <v>3.5740145015646201E-2</v>
      </c>
      <c r="E98" s="179">
        <v>8.1000000000000003E-2</v>
      </c>
      <c r="F98" s="97">
        <v>2.0326746550447423E-2</v>
      </c>
      <c r="G98" s="179">
        <v>0.29899999999999999</v>
      </c>
      <c r="H98" s="97">
        <v>3.3717377854450468E-2</v>
      </c>
      <c r="I98" s="175">
        <v>738</v>
      </c>
      <c r="J98" s="179">
        <v>0.61399999999999999</v>
      </c>
      <c r="K98" s="97">
        <v>3.5754760746115583E-2</v>
      </c>
      <c r="L98" s="179">
        <v>0.113</v>
      </c>
      <c r="M98" s="97">
        <v>2.3430968478763487E-2</v>
      </c>
      <c r="N98" s="179">
        <v>0.27200000000000002</v>
      </c>
      <c r="O98" s="97">
        <v>3.2718266754395042E-2</v>
      </c>
    </row>
    <row r="99" spans="1:15">
      <c r="A99" s="53" t="s">
        <v>440</v>
      </c>
      <c r="B99" s="173">
        <v>652</v>
      </c>
      <c r="C99" s="178">
        <v>0.60799999999999998</v>
      </c>
      <c r="D99" s="94">
        <v>3.8133095720378395E-2</v>
      </c>
      <c r="E99" s="178">
        <v>9.7000000000000003E-2</v>
      </c>
      <c r="F99" s="94">
        <v>2.3369455668772882E-2</v>
      </c>
      <c r="G99" s="178">
        <v>0.29499999999999998</v>
      </c>
      <c r="H99" s="94">
        <v>3.5654673136398467E-2</v>
      </c>
      <c r="I99" s="173">
        <v>649</v>
      </c>
      <c r="J99" s="178">
        <v>0.6</v>
      </c>
      <c r="K99" s="94">
        <v>3.8352131363799009E-2</v>
      </c>
      <c r="L99" s="178">
        <v>6.7000000000000004E-2</v>
      </c>
      <c r="M99" s="94">
        <v>1.9923424692471794E-2</v>
      </c>
      <c r="N99" s="178">
        <v>0.33300000000000002</v>
      </c>
      <c r="O99" s="94">
        <v>3.6914007584807861E-2</v>
      </c>
    </row>
    <row r="100" spans="1:15" ht="25.5">
      <c r="A100" s="49" t="s">
        <v>453</v>
      </c>
      <c r="B100" s="175">
        <v>112</v>
      </c>
      <c r="C100" s="179">
        <v>0.60799999999999998</v>
      </c>
      <c r="D100" s="97">
        <v>9.0806073127785686E-2</v>
      </c>
      <c r="E100" s="179">
        <v>0.18</v>
      </c>
      <c r="F100" s="97">
        <v>7.299983683396194E-2</v>
      </c>
      <c r="G100" s="179">
        <v>0.21199999999999999</v>
      </c>
      <c r="H100" s="97">
        <v>7.7164770060492396E-2</v>
      </c>
      <c r="I100" s="175">
        <v>112</v>
      </c>
      <c r="J100" s="179">
        <v>0.498</v>
      </c>
      <c r="K100" s="97">
        <v>9.2846976647679283E-2</v>
      </c>
      <c r="L100" s="179">
        <v>0.23599999999999999</v>
      </c>
      <c r="M100" s="97">
        <v>7.9876574598724812E-2</v>
      </c>
      <c r="N100" s="179">
        <v>0.26600000000000001</v>
      </c>
      <c r="O100" s="97">
        <v>8.2828274294917889E-2</v>
      </c>
    </row>
    <row r="101" spans="1:15">
      <c r="A101" s="53" t="s">
        <v>441</v>
      </c>
      <c r="B101" s="173">
        <v>61</v>
      </c>
      <c r="C101" s="178">
        <v>0.67400000000000004</v>
      </c>
      <c r="D101" s="94">
        <v>0.11723365813583131</v>
      </c>
      <c r="E101" s="178">
        <v>0.14699999999999999</v>
      </c>
      <c r="F101" s="94">
        <v>9.2903788193588549E-2</v>
      </c>
      <c r="G101" s="178">
        <v>0.17899999999999999</v>
      </c>
      <c r="H101" s="94">
        <v>9.8995183967674955E-2</v>
      </c>
      <c r="I101" s="173">
        <v>61</v>
      </c>
      <c r="J101" s="178">
        <v>0.497</v>
      </c>
      <c r="K101" s="94">
        <v>0.12403276827813069</v>
      </c>
      <c r="L101" s="178">
        <v>0.114</v>
      </c>
      <c r="M101" s="94">
        <v>8.549501974651233E-2</v>
      </c>
      <c r="N101" s="178">
        <v>0.38800000000000001</v>
      </c>
      <c r="O101" s="94">
        <v>0.12126319069065028</v>
      </c>
    </row>
    <row r="102" spans="1:15">
      <c r="A102" s="49" t="s">
        <v>446</v>
      </c>
      <c r="B102" s="175">
        <v>88</v>
      </c>
      <c r="C102" s="179">
        <v>0.80500000000000005</v>
      </c>
      <c r="D102" s="97">
        <v>8.4670276025953575E-2</v>
      </c>
      <c r="E102" s="179">
        <v>5.7000000000000002E-2</v>
      </c>
      <c r="F102" s="97">
        <v>5.5342863857315128E-2</v>
      </c>
      <c r="G102" s="179">
        <v>0.13800000000000001</v>
      </c>
      <c r="H102" s="97">
        <v>7.5210837045208118E-2</v>
      </c>
      <c r="I102" s="175">
        <v>88</v>
      </c>
      <c r="J102" s="179">
        <v>0.73499999999999999</v>
      </c>
      <c r="K102" s="97">
        <v>9.3127490647283553E-2</v>
      </c>
      <c r="L102" s="179">
        <v>4.8000000000000001E-2</v>
      </c>
      <c r="M102" s="97">
        <v>5.2367994406591678E-2</v>
      </c>
      <c r="N102" s="179">
        <v>0.217</v>
      </c>
      <c r="O102" s="97">
        <v>8.7656410240591939E-2</v>
      </c>
    </row>
    <row r="103" spans="1:15">
      <c r="A103" s="53" t="s">
        <v>447</v>
      </c>
      <c r="B103" s="173">
        <v>106</v>
      </c>
      <c r="C103" s="178">
        <v>0.53900000000000003</v>
      </c>
      <c r="D103" s="94">
        <v>9.5076544654035811E-2</v>
      </c>
      <c r="E103" s="178">
        <v>0.02</v>
      </c>
      <c r="F103" s="94">
        <v>3.6207333500945425E-2</v>
      </c>
      <c r="G103" s="178">
        <v>0.441</v>
      </c>
      <c r="H103" s="94">
        <v>9.4727851459979251E-2</v>
      </c>
      <c r="I103" s="173">
        <v>106</v>
      </c>
      <c r="J103" s="178">
        <v>0.71699999999999997</v>
      </c>
      <c r="K103" s="94">
        <v>8.6607450466652025E-2</v>
      </c>
      <c r="L103" s="178">
        <v>0.14499999999999999</v>
      </c>
      <c r="M103" s="94">
        <v>6.9537121523126147E-2</v>
      </c>
      <c r="N103" s="178">
        <v>0.13800000000000001</v>
      </c>
      <c r="O103" s="94">
        <v>6.8307644029841838E-2</v>
      </c>
    </row>
    <row r="104" spans="1:15" ht="25.5">
      <c r="A104" s="49" t="s">
        <v>442</v>
      </c>
      <c r="B104" s="175">
        <v>72</v>
      </c>
      <c r="C104" s="179">
        <v>0.59099999999999997</v>
      </c>
      <c r="D104" s="97">
        <v>0.11298992622827618</v>
      </c>
      <c r="E104" s="179">
        <v>3.1E-2</v>
      </c>
      <c r="F104" s="97">
        <v>5.2607523588599867E-2</v>
      </c>
      <c r="G104" s="179">
        <v>0.378</v>
      </c>
      <c r="H104" s="97">
        <v>0.1116011476372815</v>
      </c>
      <c r="I104" s="175">
        <v>72</v>
      </c>
      <c r="J104" s="179">
        <v>0.77200000000000002</v>
      </c>
      <c r="K104" s="97">
        <v>9.8301054137258773E-2</v>
      </c>
      <c r="L104" s="179">
        <v>6.5000000000000002E-2</v>
      </c>
      <c r="M104" s="97">
        <v>6.4957172967053459E-2</v>
      </c>
      <c r="N104" s="179">
        <v>0.16300000000000001</v>
      </c>
      <c r="O104" s="97">
        <v>8.82791732043057E-2</v>
      </c>
    </row>
    <row r="105" spans="1:15">
      <c r="A105" s="45" t="s">
        <v>448</v>
      </c>
      <c r="B105" s="173">
        <v>248</v>
      </c>
      <c r="C105" s="178">
        <v>0.59699999999999998</v>
      </c>
      <c r="D105" s="94">
        <v>6.1835332760687936E-2</v>
      </c>
      <c r="E105" s="178">
        <v>6.4000000000000001E-2</v>
      </c>
      <c r="F105" s="94">
        <v>3.2340180537404055E-2</v>
      </c>
      <c r="G105" s="178">
        <v>0.33900000000000002</v>
      </c>
      <c r="H105" s="94">
        <v>5.9747532063621787E-2</v>
      </c>
      <c r="I105" s="173">
        <v>252</v>
      </c>
      <c r="J105" s="178">
        <v>0.60599999999999998</v>
      </c>
      <c r="K105" s="94">
        <v>6.1123898486488276E-2</v>
      </c>
      <c r="L105" s="178">
        <v>7.3999999999999996E-2</v>
      </c>
      <c r="M105" s="94">
        <v>3.4038310065630809E-2</v>
      </c>
      <c r="N105" s="178">
        <v>0.32100000000000001</v>
      </c>
      <c r="O105" s="94">
        <v>5.8490445098461699E-2</v>
      </c>
    </row>
    <row r="106" spans="1:15" ht="25.5">
      <c r="A106" s="49" t="s">
        <v>443</v>
      </c>
      <c r="B106" s="175">
        <v>109</v>
      </c>
      <c r="C106" s="179">
        <v>0.61799999999999999</v>
      </c>
      <c r="D106" s="97">
        <v>9.1602125928190226E-2</v>
      </c>
      <c r="E106" s="179">
        <v>9.8000000000000004E-2</v>
      </c>
      <c r="F106" s="97">
        <v>5.9387581232672515E-2</v>
      </c>
      <c r="G106" s="179">
        <v>0.28399999999999997</v>
      </c>
      <c r="H106" s="97">
        <v>8.5515328659426001E-2</v>
      </c>
      <c r="I106" s="175">
        <v>111</v>
      </c>
      <c r="J106" s="179">
        <v>0.60299999999999998</v>
      </c>
      <c r="K106" s="97">
        <v>9.1388550763494239E-2</v>
      </c>
      <c r="L106" s="179">
        <v>0.107</v>
      </c>
      <c r="M106" s="97">
        <v>6.0751359619106333E-2</v>
      </c>
      <c r="N106" s="179">
        <v>0.28999999999999998</v>
      </c>
      <c r="O106" s="97">
        <v>8.5244298055349652E-2</v>
      </c>
    </row>
    <row r="107" spans="1:15" ht="25.5">
      <c r="A107" s="53" t="s">
        <v>444</v>
      </c>
      <c r="B107" s="173">
        <v>68</v>
      </c>
      <c r="C107" s="178">
        <v>0.46100000000000002</v>
      </c>
      <c r="D107" s="94">
        <v>0.11753091923110548</v>
      </c>
      <c r="E107" s="178">
        <v>2.7E-2</v>
      </c>
      <c r="F107" s="94">
        <v>5.2935629763809215E-2</v>
      </c>
      <c r="G107" s="178">
        <v>0.51100000000000001</v>
      </c>
      <c r="H107" s="94">
        <v>0.11782568833937471</v>
      </c>
      <c r="I107" s="173">
        <v>70</v>
      </c>
      <c r="J107" s="178">
        <v>0.61099999999999999</v>
      </c>
      <c r="K107" s="94">
        <v>0.11365547750798273</v>
      </c>
      <c r="L107" s="178">
        <v>6.7000000000000004E-2</v>
      </c>
      <c r="M107" s="94">
        <v>6.6670739186870942E-2</v>
      </c>
      <c r="N107" s="178">
        <v>0.32200000000000001</v>
      </c>
      <c r="O107" s="94">
        <v>0.10945780914807106</v>
      </c>
    </row>
    <row r="108" spans="1:15">
      <c r="A108" s="49" t="s">
        <v>445</v>
      </c>
      <c r="B108" s="175">
        <v>71</v>
      </c>
      <c r="C108" s="179">
        <v>0.67300000000000004</v>
      </c>
      <c r="D108" s="97">
        <v>0.10910014855813628</v>
      </c>
      <c r="E108" s="179">
        <v>4.2000000000000003E-2</v>
      </c>
      <c r="F108" s="97">
        <v>5.7510191385398694E-2</v>
      </c>
      <c r="G108" s="179">
        <v>0.28499999999999998</v>
      </c>
      <c r="H108" s="97">
        <v>0.10547016822393518</v>
      </c>
      <c r="I108" s="175">
        <v>71</v>
      </c>
      <c r="J108" s="179">
        <v>0.60599999999999998</v>
      </c>
      <c r="K108" s="97">
        <v>0.11312071345576256</v>
      </c>
      <c r="L108" s="179">
        <v>0.03</v>
      </c>
      <c r="M108" s="97">
        <v>5.2679827328944495E-2</v>
      </c>
      <c r="N108" s="179">
        <v>0.36399999999999999</v>
      </c>
      <c r="O108" s="97">
        <v>0.11157641227959064</v>
      </c>
    </row>
    <row r="109" spans="1:15" ht="25.5">
      <c r="A109" s="57" t="s">
        <v>449</v>
      </c>
      <c r="B109" s="173">
        <v>100</v>
      </c>
      <c r="C109" s="178">
        <v>0.55000000000000004</v>
      </c>
      <c r="D109" s="94">
        <v>9.7603713963749977E-2</v>
      </c>
      <c r="E109" s="178">
        <v>9.7000000000000003E-2</v>
      </c>
      <c r="F109" s="94">
        <v>6.1968897285406256E-2</v>
      </c>
      <c r="G109" s="178">
        <v>0.35299999999999998</v>
      </c>
      <c r="H109" s="94">
        <v>9.4058342122343527E-2</v>
      </c>
      <c r="I109" s="173">
        <v>100</v>
      </c>
      <c r="J109" s="178">
        <v>0.51200000000000001</v>
      </c>
      <c r="K109" s="94">
        <v>9.8031953955629553E-2</v>
      </c>
      <c r="L109" s="178">
        <v>0.09</v>
      </c>
      <c r="M109" s="94">
        <v>6.0313954435780318E-2</v>
      </c>
      <c r="N109" s="178">
        <v>0.39900000000000002</v>
      </c>
      <c r="O109" s="94">
        <v>9.6190636452788567E-2</v>
      </c>
    </row>
    <row r="110" spans="1:15">
      <c r="A110" s="49" t="s">
        <v>454</v>
      </c>
      <c r="B110" s="175">
        <v>72</v>
      </c>
      <c r="C110" s="179">
        <v>0.68400000000000005</v>
      </c>
      <c r="D110" s="97">
        <v>0.10751107789681517</v>
      </c>
      <c r="E110" s="179">
        <v>8.5999999999999993E-2</v>
      </c>
      <c r="F110" s="97">
        <v>7.1145108589155348E-2</v>
      </c>
      <c r="G110" s="179">
        <v>0.23100000000000001</v>
      </c>
      <c r="H110" s="97">
        <v>9.8690238781713679E-2</v>
      </c>
      <c r="I110" s="175">
        <v>71</v>
      </c>
      <c r="J110" s="179">
        <v>0.621</v>
      </c>
      <c r="K110" s="97">
        <v>0.11239906551344764</v>
      </c>
      <c r="L110" s="179">
        <v>4.3999999999999997E-2</v>
      </c>
      <c r="M110" s="97">
        <v>5.8264856234268692E-2</v>
      </c>
      <c r="N110" s="179">
        <v>0.33400000000000002</v>
      </c>
      <c r="O110" s="97">
        <v>0.10961871498500136</v>
      </c>
    </row>
    <row r="119" spans="1:28" ht="18.75">
      <c r="A119" s="324" t="s">
        <v>266</v>
      </c>
      <c r="B119" s="324"/>
      <c r="C119" s="324"/>
      <c r="D119" s="324"/>
      <c r="E119" s="324"/>
      <c r="F119" s="324"/>
      <c r="G119" s="324"/>
      <c r="H119" s="324"/>
      <c r="I119" s="324"/>
      <c r="J119" s="324"/>
      <c r="K119" s="324"/>
      <c r="L119" s="324"/>
      <c r="M119" s="226"/>
      <c r="N119" s="226"/>
      <c r="O119" s="226"/>
      <c r="P119" s="226"/>
      <c r="Q119" s="226"/>
      <c r="R119" s="226"/>
      <c r="S119" s="226"/>
      <c r="T119" s="226"/>
      <c r="U119" s="226"/>
      <c r="V119" s="226"/>
      <c r="W119" s="226"/>
      <c r="X119" s="226"/>
      <c r="Y119" s="226"/>
      <c r="Z119" s="226"/>
      <c r="AA119" s="226"/>
      <c r="AB119" s="256"/>
    </row>
    <row r="120" spans="1:28" ht="37.5" customHeight="1">
      <c r="A120" s="381" t="s">
        <v>485</v>
      </c>
      <c r="B120" s="381"/>
      <c r="C120" s="381"/>
      <c r="D120" s="381"/>
      <c r="E120" s="381"/>
      <c r="F120" s="381"/>
      <c r="G120" s="381"/>
      <c r="H120" s="381"/>
      <c r="I120" s="381"/>
      <c r="J120" s="381"/>
      <c r="K120" s="381"/>
      <c r="L120" s="381"/>
      <c r="M120" s="252"/>
      <c r="N120" s="252"/>
      <c r="O120" s="252"/>
      <c r="P120" s="252"/>
      <c r="Q120" s="252"/>
      <c r="R120" s="252"/>
      <c r="S120" s="252"/>
      <c r="T120" s="252"/>
      <c r="U120" s="252"/>
      <c r="V120" s="252"/>
      <c r="W120" s="252"/>
      <c r="X120" s="252"/>
      <c r="Y120" s="252"/>
      <c r="Z120" s="252"/>
      <c r="AA120" s="252"/>
      <c r="AB120" s="256"/>
    </row>
    <row r="121" spans="1:28" ht="38.25" customHeight="1">
      <c r="A121" s="379" t="s">
        <v>267</v>
      </c>
      <c r="B121" s="380"/>
      <c r="C121" s="380"/>
      <c r="D121" s="380"/>
      <c r="E121" s="380"/>
      <c r="F121" s="380"/>
      <c r="G121" s="380"/>
      <c r="H121" s="380"/>
      <c r="I121" s="380"/>
      <c r="J121" s="380"/>
      <c r="K121" s="380"/>
      <c r="L121" s="380"/>
      <c r="M121" s="247"/>
      <c r="N121" s="256"/>
      <c r="O121" s="256"/>
      <c r="P121" s="256"/>
      <c r="Q121" s="256"/>
      <c r="R121" s="256"/>
      <c r="S121" s="256"/>
      <c r="T121" s="256"/>
      <c r="U121" s="256"/>
      <c r="V121" s="256"/>
      <c r="W121" s="256"/>
      <c r="X121" s="256"/>
      <c r="Y121" s="256"/>
      <c r="Z121" s="256"/>
      <c r="AA121" s="256"/>
      <c r="AB121" s="256"/>
    </row>
    <row r="122" spans="1:28" ht="72">
      <c r="A122" s="37" t="s">
        <v>85</v>
      </c>
      <c r="B122" s="38" t="s">
        <v>86</v>
      </c>
      <c r="C122" s="39" t="s">
        <v>87</v>
      </c>
      <c r="D122" s="40" t="s">
        <v>88</v>
      </c>
      <c r="E122" s="38" t="s">
        <v>268</v>
      </c>
      <c r="F122" s="89" t="s">
        <v>323</v>
      </c>
      <c r="G122" s="38" t="s">
        <v>269</v>
      </c>
      <c r="H122" s="89" t="s">
        <v>324</v>
      </c>
      <c r="I122" s="38" t="s">
        <v>385</v>
      </c>
      <c r="J122" s="89" t="s">
        <v>325</v>
      </c>
      <c r="K122" s="38" t="s">
        <v>357</v>
      </c>
      <c r="L122" s="89" t="s">
        <v>356</v>
      </c>
      <c r="M122" s="247"/>
      <c r="N122" s="255"/>
      <c r="O122" s="247"/>
      <c r="P122" s="255"/>
      <c r="Q122" s="247"/>
    </row>
    <row r="123" spans="1:28" ht="72">
      <c r="A123" s="41"/>
      <c r="B123" s="42" t="s">
        <v>89</v>
      </c>
      <c r="C123" s="126" t="s">
        <v>360</v>
      </c>
      <c r="D123" s="44" t="s">
        <v>91</v>
      </c>
      <c r="E123" s="42" t="s">
        <v>181</v>
      </c>
      <c r="F123" s="91" t="s">
        <v>104</v>
      </c>
      <c r="G123" s="42" t="s">
        <v>182</v>
      </c>
      <c r="H123" s="91" t="s">
        <v>104</v>
      </c>
      <c r="I123" s="42" t="s">
        <v>183</v>
      </c>
      <c r="J123" s="91" t="s">
        <v>104</v>
      </c>
      <c r="K123" s="42" t="s">
        <v>357</v>
      </c>
      <c r="L123" s="91" t="s">
        <v>104</v>
      </c>
    </row>
    <row r="124" spans="1:28">
      <c r="A124" s="45" t="s">
        <v>436</v>
      </c>
      <c r="B124" s="173">
        <v>10998</v>
      </c>
      <c r="C124" s="174">
        <v>5.18</v>
      </c>
      <c r="D124" s="85">
        <v>1.9599999999999999E-2</v>
      </c>
      <c r="E124" s="178">
        <v>0.122</v>
      </c>
      <c r="F124" s="94">
        <v>6.2435533845204179E-3</v>
      </c>
      <c r="G124" s="178">
        <v>0.159</v>
      </c>
      <c r="H124" s="94">
        <v>6.9747391938981785E-3</v>
      </c>
      <c r="I124" s="178">
        <v>0.69599999999999995</v>
      </c>
      <c r="J124" s="94">
        <v>8.7713057149752891E-3</v>
      </c>
      <c r="K124" s="93">
        <v>2.1999999999999999E-2</v>
      </c>
      <c r="L124" s="94">
        <v>2.8076627800380362E-3</v>
      </c>
    </row>
    <row r="125" spans="1:28">
      <c r="A125" s="49" t="s">
        <v>437</v>
      </c>
      <c r="B125" s="175">
        <v>8704</v>
      </c>
      <c r="C125" s="176">
        <v>5.18</v>
      </c>
      <c r="D125" s="177">
        <v>3.0241232E-2</v>
      </c>
      <c r="E125" s="179">
        <v>0.13600000000000001</v>
      </c>
      <c r="F125" s="97">
        <v>7.350584723771033E-3</v>
      </c>
      <c r="G125" s="179">
        <v>0.14299999999999999</v>
      </c>
      <c r="H125" s="97">
        <v>7.5064834914501275E-3</v>
      </c>
      <c r="I125" s="179">
        <v>0.70899999999999996</v>
      </c>
      <c r="J125" s="97">
        <v>9.7360460509007974E-3</v>
      </c>
      <c r="K125" s="96">
        <v>1.2E-2</v>
      </c>
      <c r="L125" s="97">
        <v>2.3551009506040999E-3</v>
      </c>
    </row>
    <row r="126" spans="1:28">
      <c r="A126" s="53" t="s">
        <v>438</v>
      </c>
      <c r="B126" s="173">
        <v>1985</v>
      </c>
      <c r="C126" s="174">
        <v>5.1100000000000003</v>
      </c>
      <c r="D126" s="85">
        <v>5.8799999999999998E-2</v>
      </c>
      <c r="E126" s="178">
        <v>0.11020000000000001</v>
      </c>
      <c r="F126" s="94">
        <v>1.4086316035216383E-2</v>
      </c>
      <c r="G126" s="178">
        <v>0.18759999999999999</v>
      </c>
      <c r="H126" s="94">
        <v>1.7529598858582702E-2</v>
      </c>
      <c r="I126" s="178">
        <v>0.66069999999999995</v>
      </c>
      <c r="J126" s="94">
        <v>2.1237685032857008E-2</v>
      </c>
      <c r="K126" s="93">
        <v>4.1500000000000002E-2</v>
      </c>
      <c r="L126" s="94">
        <v>9.0384841972558465E-3</v>
      </c>
    </row>
    <row r="127" spans="1:28">
      <c r="A127" s="49" t="s">
        <v>439</v>
      </c>
      <c r="B127" s="175">
        <v>905</v>
      </c>
      <c r="C127" s="176">
        <v>5.15</v>
      </c>
      <c r="D127" s="177">
        <v>9.8000000000000004E-2</v>
      </c>
      <c r="E127" s="179">
        <v>0.14099999999999999</v>
      </c>
      <c r="F127" s="97">
        <v>2.3193904076731421E-2</v>
      </c>
      <c r="G127" s="179">
        <v>0.18</v>
      </c>
      <c r="H127" s="97">
        <v>2.5562901755094968E-2</v>
      </c>
      <c r="I127" s="179">
        <v>0.66</v>
      </c>
      <c r="J127" s="97">
        <v>3.1439592789760877E-2</v>
      </c>
      <c r="K127" s="96">
        <v>1.9E-2</v>
      </c>
      <c r="L127" s="97">
        <v>9.5373045279829177E-3</v>
      </c>
    </row>
    <row r="128" spans="1:28">
      <c r="A128" s="53" t="s">
        <v>440</v>
      </c>
      <c r="B128" s="173">
        <v>720</v>
      </c>
      <c r="C128" s="174">
        <v>5.25</v>
      </c>
      <c r="D128" s="85">
        <v>9.8000000000000004E-2</v>
      </c>
      <c r="E128" s="178">
        <v>0.14599999999999999</v>
      </c>
      <c r="F128" s="94">
        <v>2.6391117083368346E-2</v>
      </c>
      <c r="G128" s="178">
        <v>0.127</v>
      </c>
      <c r="H128" s="94">
        <v>2.492021414614452E-2</v>
      </c>
      <c r="I128" s="178">
        <v>0.71699999999999997</v>
      </c>
      <c r="J128" s="94">
        <v>3.3524946025862978E-2</v>
      </c>
      <c r="K128" s="93">
        <v>1.0999999999999999E-2</v>
      </c>
      <c r="L128" s="94">
        <v>8.6407495459134148E-3</v>
      </c>
    </row>
    <row r="129" spans="1:12" ht="25.5">
      <c r="A129" s="49" t="s">
        <v>453</v>
      </c>
      <c r="B129" s="175">
        <v>136</v>
      </c>
      <c r="C129" s="176">
        <v>5.62</v>
      </c>
      <c r="D129" s="177">
        <v>0.23519999999999999</v>
      </c>
      <c r="E129" s="179">
        <v>9.4E-2</v>
      </c>
      <c r="F129" s="97">
        <v>5.1947401969959686E-2</v>
      </c>
      <c r="G129" s="179">
        <v>6.8000000000000005E-2</v>
      </c>
      <c r="H129" s="97">
        <v>4.5946516251889342E-2</v>
      </c>
      <c r="I129" s="179">
        <v>0.82799999999999996</v>
      </c>
      <c r="J129" s="97">
        <v>6.5131917448774196E-2</v>
      </c>
      <c r="K129" s="96">
        <v>0.01</v>
      </c>
      <c r="L129" s="97">
        <v>2.587000469379824E-2</v>
      </c>
    </row>
    <row r="130" spans="1:12">
      <c r="A130" s="53" t="s">
        <v>441</v>
      </c>
      <c r="B130" s="173">
        <v>79</v>
      </c>
      <c r="C130" s="174">
        <v>5.53</v>
      </c>
      <c r="D130" s="85">
        <v>0.3332</v>
      </c>
      <c r="E130" s="178">
        <v>0.14000000000000001</v>
      </c>
      <c r="F130" s="94">
        <v>7.9936892177535773E-2</v>
      </c>
      <c r="G130" s="178">
        <v>9.6000000000000002E-2</v>
      </c>
      <c r="H130" s="94">
        <v>7.0158713854676452E-2</v>
      </c>
      <c r="I130" s="178">
        <v>0.76100000000000001</v>
      </c>
      <c r="J130" s="94">
        <v>9.5257840471357394E-2</v>
      </c>
      <c r="K130" s="93">
        <v>3.0000000000000001E-3</v>
      </c>
      <c r="L130" s="94">
        <v>3.5551020398492443E-2</v>
      </c>
    </row>
    <row r="131" spans="1:12">
      <c r="A131" s="49" t="s">
        <v>446</v>
      </c>
      <c r="B131" s="175">
        <v>165</v>
      </c>
      <c r="C131" s="176">
        <v>4.97</v>
      </c>
      <c r="D131" s="177">
        <v>0.23519999999999999</v>
      </c>
      <c r="E131" s="179">
        <v>0.14699999999999999</v>
      </c>
      <c r="F131" s="97">
        <v>5.5729661159700357E-2</v>
      </c>
      <c r="G131" s="179">
        <v>0.29299999999999998</v>
      </c>
      <c r="H131" s="97">
        <v>7.0359238944192479E-2</v>
      </c>
      <c r="I131" s="179">
        <v>0.52400000000000002</v>
      </c>
      <c r="J131" s="97">
        <v>7.6838560276920015E-2</v>
      </c>
      <c r="K131" s="96">
        <v>3.5999999999999997E-2</v>
      </c>
      <c r="L131" s="97">
        <v>3.2553975877540095E-2</v>
      </c>
    </row>
    <row r="132" spans="1:12">
      <c r="A132" s="53" t="s">
        <v>447</v>
      </c>
      <c r="B132" s="173">
        <v>113</v>
      </c>
      <c r="C132" s="174">
        <v>5.05</v>
      </c>
      <c r="D132" s="85">
        <v>0.27440000000000003</v>
      </c>
      <c r="E132" s="178">
        <v>0.192</v>
      </c>
      <c r="F132" s="94">
        <v>7.4308561642301318E-2</v>
      </c>
      <c r="G132" s="178">
        <v>7.9000000000000001E-2</v>
      </c>
      <c r="H132" s="94">
        <v>5.3802703713515504E-2</v>
      </c>
      <c r="I132" s="178">
        <v>0.72299999999999998</v>
      </c>
      <c r="J132" s="94">
        <v>8.3433406408865443E-2</v>
      </c>
      <c r="K132" s="93">
        <v>6.0000000000000001E-3</v>
      </c>
      <c r="L132" s="94">
        <v>2.7651671966463232E-2</v>
      </c>
    </row>
    <row r="133" spans="1:12" ht="25.5">
      <c r="A133" s="49" t="s">
        <v>442</v>
      </c>
      <c r="B133" s="175">
        <v>79</v>
      </c>
      <c r="C133" s="176">
        <v>5.29</v>
      </c>
      <c r="D133" s="177">
        <v>0.3528</v>
      </c>
      <c r="E133" s="179">
        <v>0.124</v>
      </c>
      <c r="F133" s="97">
        <v>7.6653578589462437E-2</v>
      </c>
      <c r="G133" s="179">
        <v>0.11799999999999999</v>
      </c>
      <c r="H133" s="97">
        <v>7.5347244035823671E-2</v>
      </c>
      <c r="I133" s="179">
        <v>0.749</v>
      </c>
      <c r="J133" s="97">
        <v>9.6650157848025234E-2</v>
      </c>
      <c r="K133" s="96">
        <v>8.9999999999999993E-3</v>
      </c>
      <c r="L133" s="97">
        <v>3.9021650992370115E-2</v>
      </c>
    </row>
    <row r="134" spans="1:12">
      <c r="A134" s="45" t="s">
        <v>448</v>
      </c>
      <c r="B134" s="173">
        <v>291</v>
      </c>
      <c r="C134" s="174">
        <v>5.27</v>
      </c>
      <c r="D134" s="85">
        <v>0.1764</v>
      </c>
      <c r="E134" s="178">
        <v>0.105</v>
      </c>
      <c r="F134" s="94">
        <v>3.6485892408243313E-2</v>
      </c>
      <c r="G134" s="178">
        <v>0.13400000000000001</v>
      </c>
      <c r="H134" s="94">
        <v>4.0279039689577141E-2</v>
      </c>
      <c r="I134" s="178">
        <v>0.73699999999999999</v>
      </c>
      <c r="J134" s="94">
        <v>5.1465822149860348E-2</v>
      </c>
      <c r="K134" s="93">
        <v>2.5000000000000001E-2</v>
      </c>
      <c r="L134" s="94">
        <v>2.0320203433898777E-2</v>
      </c>
    </row>
    <row r="135" spans="1:12" ht="25.5">
      <c r="A135" s="49" t="s">
        <v>443</v>
      </c>
      <c r="B135" s="175">
        <v>126</v>
      </c>
      <c r="C135" s="176">
        <v>5.65</v>
      </c>
      <c r="D135" s="177">
        <v>0.19600000000000001</v>
      </c>
      <c r="E135" s="179">
        <v>5.0999999999999997E-2</v>
      </c>
      <c r="F135" s="97">
        <v>4.31863049989566E-2</v>
      </c>
      <c r="G135" s="179">
        <v>0.08</v>
      </c>
      <c r="H135" s="97">
        <v>5.0926305337516839E-2</v>
      </c>
      <c r="I135" s="179">
        <v>0.86799999999999999</v>
      </c>
      <c r="J135" s="97">
        <v>6.1464579554626732E-2</v>
      </c>
      <c r="K135" s="96">
        <v>1E-3</v>
      </c>
      <c r="L135" s="97">
        <v>2.2247833339501404E-2</v>
      </c>
    </row>
    <row r="136" spans="1:12" ht="25.5">
      <c r="A136" s="53" t="s">
        <v>444</v>
      </c>
      <c r="B136" s="173">
        <v>81</v>
      </c>
      <c r="C136" s="174">
        <v>4.8</v>
      </c>
      <c r="D136" s="85">
        <v>0.3528</v>
      </c>
      <c r="E136" s="178">
        <v>0.18099999999999999</v>
      </c>
      <c r="F136" s="94">
        <v>8.6116515544592445E-2</v>
      </c>
      <c r="G136" s="178">
        <v>0.156</v>
      </c>
      <c r="H136" s="94">
        <v>8.1900785579918436E-2</v>
      </c>
      <c r="I136" s="178">
        <v>0.66300000000000003</v>
      </c>
      <c r="J136" s="94">
        <v>0.10309853056311896</v>
      </c>
      <c r="K136" s="93">
        <v>0</v>
      </c>
      <c r="L136" s="94">
        <v>3.2881805121991139E-2</v>
      </c>
    </row>
    <row r="137" spans="1:12">
      <c r="A137" s="49" t="s">
        <v>445</v>
      </c>
      <c r="B137" s="175">
        <v>84</v>
      </c>
      <c r="C137" s="176">
        <v>5.08</v>
      </c>
      <c r="D137" s="177">
        <v>0.3332</v>
      </c>
      <c r="E137" s="179">
        <v>0.121</v>
      </c>
      <c r="F137" s="97">
        <v>7.3583747526713608E-2</v>
      </c>
      <c r="G137" s="179">
        <v>0.191</v>
      </c>
      <c r="H137" s="97">
        <v>8.6076555808214467E-2</v>
      </c>
      <c r="I137" s="179">
        <v>0.61099999999999999</v>
      </c>
      <c r="J137" s="97">
        <v>0.10417939822020314</v>
      </c>
      <c r="K137" s="96">
        <v>7.6999999999999999E-2</v>
      </c>
      <c r="L137" s="97">
        <v>6.2873460476631449E-2</v>
      </c>
    </row>
    <row r="138" spans="1:12" ht="25.5">
      <c r="A138" s="57" t="s">
        <v>449</v>
      </c>
      <c r="B138" s="173">
        <v>108</v>
      </c>
      <c r="C138" s="174">
        <v>4.92</v>
      </c>
      <c r="D138" s="85">
        <v>0.29399999999999998</v>
      </c>
      <c r="E138" s="178">
        <v>0.22600000000000001</v>
      </c>
      <c r="F138" s="94">
        <v>8.0220858354672006E-2</v>
      </c>
      <c r="G138" s="178">
        <v>0.20599999999999999</v>
      </c>
      <c r="H138" s="94">
        <v>7.783401524122617E-2</v>
      </c>
      <c r="I138" s="178">
        <v>0.56799999999999995</v>
      </c>
      <c r="J138" s="94">
        <v>9.3675043893218984E-2</v>
      </c>
      <c r="K138" s="93">
        <v>0</v>
      </c>
      <c r="L138" s="94">
        <v>2.5027317436669111E-2</v>
      </c>
    </row>
    <row r="139" spans="1:12">
      <c r="A139" s="49" t="s">
        <v>454</v>
      </c>
      <c r="B139" s="175">
        <v>83</v>
      </c>
      <c r="C139" s="176">
        <v>4.92</v>
      </c>
      <c r="D139" s="177">
        <v>0.3332</v>
      </c>
      <c r="E139" s="179">
        <v>0.123</v>
      </c>
      <c r="F139" s="97">
        <v>7.4475912603403749E-2</v>
      </c>
      <c r="G139" s="179">
        <v>0.33300000000000002</v>
      </c>
      <c r="H139" s="97">
        <v>0.10162282112963482</v>
      </c>
      <c r="I139" s="179">
        <v>0.52800000000000002</v>
      </c>
      <c r="J139" s="97">
        <v>0.10705813968157324</v>
      </c>
      <c r="K139" s="96">
        <v>1.7000000000000001E-2</v>
      </c>
      <c r="L139" s="97">
        <v>4.1616594730813888E-2</v>
      </c>
    </row>
    <row r="140" spans="1:12">
      <c r="A140" s="241"/>
      <c r="B140" s="241"/>
      <c r="C140" s="241"/>
      <c r="D140" s="241"/>
      <c r="E140" s="241"/>
      <c r="F140" s="241"/>
      <c r="G140" s="241"/>
      <c r="H140" s="241"/>
      <c r="I140" s="241"/>
      <c r="J140" s="241"/>
      <c r="K140" s="241"/>
      <c r="L140" s="241"/>
    </row>
    <row r="141" spans="1:12">
      <c r="A141" s="241"/>
      <c r="B141" s="241"/>
      <c r="C141" s="241"/>
      <c r="D141" s="241"/>
      <c r="E141" s="241"/>
      <c r="F141" s="241"/>
      <c r="G141" s="241"/>
      <c r="H141" s="241"/>
      <c r="I141" s="241"/>
      <c r="J141" s="241"/>
      <c r="K141" s="241"/>
      <c r="L141" s="241"/>
    </row>
    <row r="142" spans="1:12">
      <c r="A142" s="241"/>
      <c r="B142" s="241"/>
      <c r="C142" s="241"/>
      <c r="D142" s="241"/>
      <c r="E142" s="241"/>
      <c r="F142" s="241"/>
      <c r="G142" s="241"/>
      <c r="H142" s="241"/>
      <c r="I142" s="241"/>
      <c r="J142" s="241"/>
      <c r="K142" s="241"/>
      <c r="L142" s="241"/>
    </row>
    <row r="143" spans="1:12">
      <c r="A143" s="241"/>
      <c r="B143" s="241"/>
      <c r="C143" s="241"/>
      <c r="D143" s="241"/>
      <c r="E143" s="241"/>
      <c r="F143" s="241"/>
      <c r="G143" s="241"/>
      <c r="H143" s="241"/>
      <c r="I143" s="241"/>
      <c r="J143" s="241"/>
      <c r="K143" s="241"/>
      <c r="L143" s="241"/>
    </row>
    <row r="144" spans="1:12">
      <c r="A144" s="241"/>
      <c r="B144" s="241"/>
      <c r="C144" s="241"/>
      <c r="D144" s="241"/>
      <c r="E144" s="241"/>
      <c r="F144" s="241"/>
      <c r="G144" s="241"/>
      <c r="H144" s="241"/>
      <c r="I144" s="241"/>
      <c r="J144" s="241"/>
      <c r="K144" s="241"/>
      <c r="L144" s="241"/>
    </row>
    <row r="145" spans="1:15">
      <c r="A145" s="241"/>
      <c r="B145" s="241"/>
      <c r="C145" s="241"/>
      <c r="D145" s="241"/>
      <c r="E145" s="241"/>
      <c r="F145" s="241"/>
      <c r="G145" s="241"/>
      <c r="H145" s="241"/>
      <c r="I145" s="241"/>
      <c r="J145" s="241"/>
      <c r="K145" s="241"/>
      <c r="L145" s="241"/>
    </row>
    <row r="146" spans="1:15">
      <c r="A146" s="241"/>
      <c r="B146" s="241"/>
      <c r="C146" s="241"/>
      <c r="D146" s="241"/>
      <c r="E146" s="241"/>
      <c r="F146" s="241"/>
      <c r="G146" s="241"/>
      <c r="H146" s="241"/>
      <c r="I146" s="241"/>
      <c r="J146" s="241"/>
      <c r="K146" s="241"/>
      <c r="L146" s="241"/>
    </row>
    <row r="147" spans="1:15" s="248" customFormat="1">
      <c r="A147" s="241"/>
      <c r="B147" s="254"/>
      <c r="C147" s="255"/>
      <c r="D147" s="247"/>
      <c r="E147" s="255"/>
      <c r="F147" s="247"/>
      <c r="G147" s="255"/>
      <c r="H147" s="247"/>
      <c r="I147"/>
      <c r="J147"/>
      <c r="K147"/>
      <c r="L147"/>
      <c r="M147"/>
      <c r="N147"/>
      <c r="O147"/>
    </row>
    <row r="148" spans="1:15" ht="18.75">
      <c r="A148" s="324" t="s">
        <v>30</v>
      </c>
      <c r="B148" s="324"/>
      <c r="C148" s="324"/>
      <c r="D148" s="324"/>
      <c r="E148" s="324"/>
      <c r="F148" s="324"/>
      <c r="G148" s="324"/>
      <c r="H148" s="324"/>
      <c r="I148" s="324"/>
      <c r="J148" s="324"/>
    </row>
    <row r="149" spans="1:15" ht="66" customHeight="1">
      <c r="A149" s="381" t="s">
        <v>386</v>
      </c>
      <c r="B149" s="381"/>
      <c r="C149" s="381"/>
      <c r="D149" s="381"/>
      <c r="E149" s="381"/>
      <c r="F149" s="381"/>
      <c r="G149" s="381"/>
      <c r="H149" s="381"/>
      <c r="I149" s="381"/>
      <c r="J149" s="381"/>
    </row>
    <row r="150" spans="1:15" ht="36" customHeight="1">
      <c r="A150" s="322" t="s">
        <v>244</v>
      </c>
      <c r="B150" s="323"/>
      <c r="C150" s="323"/>
      <c r="D150" s="323"/>
      <c r="E150" s="323"/>
      <c r="F150" s="323"/>
      <c r="G150" s="323"/>
      <c r="H150" s="323"/>
      <c r="I150" s="323"/>
      <c r="J150" s="323"/>
    </row>
    <row r="151" spans="1:15" ht="37.5" customHeight="1">
      <c r="A151" s="108" t="s">
        <v>85</v>
      </c>
      <c r="B151" s="38" t="s">
        <v>86</v>
      </c>
      <c r="C151" s="39" t="s">
        <v>87</v>
      </c>
      <c r="D151" s="40" t="s">
        <v>88</v>
      </c>
      <c r="E151" s="38" t="s">
        <v>243</v>
      </c>
      <c r="F151" s="89" t="s">
        <v>157</v>
      </c>
      <c r="G151" s="38" t="s">
        <v>158</v>
      </c>
      <c r="H151" s="89" t="s">
        <v>159</v>
      </c>
      <c r="I151" s="38" t="s">
        <v>387</v>
      </c>
      <c r="J151" s="89" t="s">
        <v>388</v>
      </c>
    </row>
    <row r="152" spans="1:15" ht="72">
      <c r="A152" s="109"/>
      <c r="B152" s="42" t="s">
        <v>89</v>
      </c>
      <c r="C152" s="126" t="s">
        <v>362</v>
      </c>
      <c r="D152" s="44" t="s">
        <v>91</v>
      </c>
      <c r="E152" s="42" t="s">
        <v>206</v>
      </c>
      <c r="F152" s="91" t="s">
        <v>104</v>
      </c>
      <c r="G152" s="42" t="s">
        <v>207</v>
      </c>
      <c r="H152" s="91" t="s">
        <v>104</v>
      </c>
      <c r="I152" s="42" t="s">
        <v>208</v>
      </c>
      <c r="J152" s="91" t="s">
        <v>104</v>
      </c>
    </row>
    <row r="153" spans="1:15">
      <c r="A153" s="45" t="s">
        <v>436</v>
      </c>
      <c r="B153" s="180">
        <v>8594</v>
      </c>
      <c r="C153" s="174">
        <v>3.51</v>
      </c>
      <c r="D153" s="85">
        <v>3.9199999999999999E-2</v>
      </c>
      <c r="E153" s="181">
        <v>0.52400000000000002</v>
      </c>
      <c r="F153" s="94">
        <v>1.0772112034339211E-2</v>
      </c>
      <c r="G153" s="181">
        <v>8.8999999999999996E-2</v>
      </c>
      <c r="H153" s="94">
        <v>6.1476042724389751E-3</v>
      </c>
      <c r="I153" s="181">
        <v>0.38700000000000001</v>
      </c>
      <c r="J153" s="94">
        <v>1.0505769483237995E-2</v>
      </c>
    </row>
    <row r="154" spans="1:15">
      <c r="A154" s="49" t="s">
        <v>437</v>
      </c>
      <c r="B154" s="49">
        <v>7992</v>
      </c>
      <c r="C154" s="176">
        <v>3.5379999999999998</v>
      </c>
      <c r="D154" s="177">
        <v>4.8744808000000001E-2</v>
      </c>
      <c r="E154" s="183">
        <v>0.51670000000000005</v>
      </c>
      <c r="F154" s="97">
        <v>1.1176902793613721E-2</v>
      </c>
      <c r="G154" s="183">
        <v>9.0499999999999997E-2</v>
      </c>
      <c r="H154" s="97">
        <v>6.4233457614908005E-3</v>
      </c>
      <c r="I154" s="183">
        <v>0.39279999999999998</v>
      </c>
      <c r="J154" s="97">
        <v>1.0923345966325047E-2</v>
      </c>
    </row>
    <row r="155" spans="1:15">
      <c r="A155" s="53" t="s">
        <v>438</v>
      </c>
      <c r="B155" s="53">
        <v>774</v>
      </c>
      <c r="C155" s="174">
        <v>2.84</v>
      </c>
      <c r="D155" s="85">
        <v>0.15679999999999999</v>
      </c>
      <c r="E155" s="181">
        <v>0.66269999999999996</v>
      </c>
      <c r="F155" s="94">
        <v>3.392114010610444E-2</v>
      </c>
      <c r="G155" s="181">
        <v>9.1899999999999996E-2</v>
      </c>
      <c r="H155" s="94">
        <v>2.0924953285398413E-2</v>
      </c>
      <c r="I155" s="181">
        <v>0.24540000000000001</v>
      </c>
      <c r="J155" s="94">
        <v>3.0911073050025682E-2</v>
      </c>
    </row>
    <row r="156" spans="1:15">
      <c r="A156" s="49" t="s">
        <v>439</v>
      </c>
      <c r="B156" s="49">
        <v>739</v>
      </c>
      <c r="C156" s="176">
        <v>3.66</v>
      </c>
      <c r="D156" s="177">
        <v>0.15679999999999999</v>
      </c>
      <c r="E156" s="183">
        <v>0.49099999999999999</v>
      </c>
      <c r="F156" s="97">
        <v>3.6680562056744484E-2</v>
      </c>
      <c r="G156" s="183">
        <v>8.3000000000000004E-2</v>
      </c>
      <c r="H156" s="97">
        <v>2.0489074119548124E-2</v>
      </c>
      <c r="I156" s="183">
        <v>0.42599999999999999</v>
      </c>
      <c r="J156" s="97">
        <v>3.628678963939571E-2</v>
      </c>
    </row>
    <row r="157" spans="1:15">
      <c r="A157" s="53" t="s">
        <v>440</v>
      </c>
      <c r="B157" s="53">
        <v>653</v>
      </c>
      <c r="C157" s="174">
        <v>3.82</v>
      </c>
      <c r="D157" s="85">
        <v>0.1764</v>
      </c>
      <c r="E157" s="181">
        <v>0.47299999999999998</v>
      </c>
      <c r="F157" s="94">
        <v>3.8957483728415544E-2</v>
      </c>
      <c r="G157" s="181">
        <v>7.3999999999999996E-2</v>
      </c>
      <c r="H157" s="94">
        <v>2.0751046864468929E-2</v>
      </c>
      <c r="I157" s="181">
        <v>0.45300000000000001</v>
      </c>
      <c r="J157" s="94">
        <v>3.8843072339047442E-2</v>
      </c>
    </row>
    <row r="158" spans="1:15" ht="25.5">
      <c r="A158" s="49" t="s">
        <v>453</v>
      </c>
      <c r="B158" s="49">
        <v>112</v>
      </c>
      <c r="C158" s="176">
        <v>3.54</v>
      </c>
      <c r="D158" s="177">
        <v>0.43119999999999997</v>
      </c>
      <c r="E158" s="183">
        <v>0.47499999999999998</v>
      </c>
      <c r="F158" s="97">
        <v>9.2739412498301699E-2</v>
      </c>
      <c r="G158" s="183">
        <v>0.14299999999999999</v>
      </c>
      <c r="H158" s="97">
        <v>6.725890317097688E-2</v>
      </c>
      <c r="I158" s="183">
        <v>0.38200000000000001</v>
      </c>
      <c r="J158" s="97">
        <v>9.0405164519414258E-2</v>
      </c>
    </row>
    <row r="159" spans="1:15">
      <c r="A159" s="53" t="s">
        <v>441</v>
      </c>
      <c r="B159" s="53">
        <v>61</v>
      </c>
      <c r="C159" s="174">
        <v>3.63</v>
      </c>
      <c r="D159" s="85">
        <v>0.58799999999999997</v>
      </c>
      <c r="E159" s="181">
        <v>0.505</v>
      </c>
      <c r="F159" s="94">
        <v>0.12402927253702173</v>
      </c>
      <c r="G159" s="181">
        <v>0.1</v>
      </c>
      <c r="H159" s="94">
        <v>8.1932952150868932E-2</v>
      </c>
      <c r="I159" s="181">
        <v>0.39500000000000002</v>
      </c>
      <c r="J159" s="94">
        <v>0.12160216890718384</v>
      </c>
    </row>
    <row r="160" spans="1:15">
      <c r="A160" s="49" t="s">
        <v>446</v>
      </c>
      <c r="B160" s="49">
        <v>88</v>
      </c>
      <c r="C160" s="176">
        <v>3.15</v>
      </c>
      <c r="D160" s="177">
        <v>0.47039999999999998</v>
      </c>
      <c r="E160" s="183">
        <v>0.57299999999999995</v>
      </c>
      <c r="F160" s="97">
        <v>0.10323555116931465</v>
      </c>
      <c r="G160" s="183">
        <v>5.3999999999999999E-2</v>
      </c>
      <c r="H160" s="97">
        <v>5.4375914102841545E-2</v>
      </c>
      <c r="I160" s="183">
        <v>0.373</v>
      </c>
      <c r="J160" s="97">
        <v>0.10113336699112278</v>
      </c>
    </row>
    <row r="161" spans="1:10">
      <c r="A161" s="53" t="s">
        <v>447</v>
      </c>
      <c r="B161" s="53">
        <v>106</v>
      </c>
      <c r="C161" s="174">
        <v>3.61</v>
      </c>
      <c r="D161" s="85">
        <v>0.43119999999999997</v>
      </c>
      <c r="E161" s="181">
        <v>0.51800000000000002</v>
      </c>
      <c r="F161" s="94">
        <v>9.5288868987766312E-2</v>
      </c>
      <c r="G161" s="181">
        <v>5.7000000000000002E-2</v>
      </c>
      <c r="H161" s="94">
        <v>4.9640215271504938E-2</v>
      </c>
      <c r="I161" s="181">
        <v>0.42499999999999999</v>
      </c>
      <c r="J161" s="94">
        <v>9.4344947909748525E-2</v>
      </c>
    </row>
    <row r="162" spans="1:10" ht="25.5">
      <c r="A162" s="49" t="s">
        <v>442</v>
      </c>
      <c r="B162" s="49">
        <v>72</v>
      </c>
      <c r="C162" s="176">
        <v>3.14</v>
      </c>
      <c r="D162" s="177">
        <v>0.50960000000000005</v>
      </c>
      <c r="E162" s="183">
        <v>0.60099999999999998</v>
      </c>
      <c r="F162" s="97">
        <v>0.11258786787402415</v>
      </c>
      <c r="G162" s="183">
        <v>0.09</v>
      </c>
      <c r="H162" s="97">
        <v>7.2231020407321933E-2</v>
      </c>
      <c r="I162" s="183">
        <v>0.309</v>
      </c>
      <c r="J162" s="97">
        <v>0.10693284903731232</v>
      </c>
    </row>
    <row r="163" spans="1:10">
      <c r="A163" s="45" t="s">
        <v>448</v>
      </c>
      <c r="B163" s="180">
        <v>253</v>
      </c>
      <c r="C163" s="174">
        <v>3.82</v>
      </c>
      <c r="D163" s="85">
        <v>0.27440000000000003</v>
      </c>
      <c r="E163" s="181">
        <v>0.48099999999999998</v>
      </c>
      <c r="F163" s="94">
        <v>6.2334624776078207E-2</v>
      </c>
      <c r="G163" s="181">
        <v>6.5000000000000002E-2</v>
      </c>
      <c r="H163" s="94">
        <v>3.2200595416595923E-2</v>
      </c>
      <c r="I163" s="181">
        <v>0.45300000000000001</v>
      </c>
      <c r="J163" s="94">
        <v>6.2110636510598657E-2</v>
      </c>
    </row>
    <row r="164" spans="1:10" ht="25.5">
      <c r="A164" s="49" t="s">
        <v>443</v>
      </c>
      <c r="B164" s="182">
        <v>112</v>
      </c>
      <c r="C164" s="176">
        <v>3.92</v>
      </c>
      <c r="D164" s="177">
        <v>0.39200000000000002</v>
      </c>
      <c r="E164" s="183">
        <v>0.441</v>
      </c>
      <c r="F164" s="97">
        <v>9.2243106432539995E-2</v>
      </c>
      <c r="G164" s="183">
        <v>7.9000000000000001E-2</v>
      </c>
      <c r="H164" s="97">
        <v>5.4066296131538794E-2</v>
      </c>
      <c r="I164" s="183">
        <v>0.48</v>
      </c>
      <c r="J164" s="97">
        <v>9.2778399422502267E-2</v>
      </c>
    </row>
    <row r="165" spans="1:10" ht="25.5">
      <c r="A165" s="53" t="s">
        <v>444</v>
      </c>
      <c r="B165" s="54">
        <v>70</v>
      </c>
      <c r="C165" s="174">
        <v>3.84</v>
      </c>
      <c r="D165" s="85">
        <v>0.54880000000000007</v>
      </c>
      <c r="E165" s="181">
        <v>0.505</v>
      </c>
      <c r="F165" s="94">
        <v>0.11624243762828912</v>
      </c>
      <c r="G165" s="181">
        <v>4.5999999999999999E-2</v>
      </c>
      <c r="H165" s="94">
        <v>5.9531764258405097E-2</v>
      </c>
      <c r="I165" s="181">
        <v>0.44900000000000001</v>
      </c>
      <c r="J165" s="94">
        <v>0.11570526150324233</v>
      </c>
    </row>
    <row r="166" spans="1:10">
      <c r="A166" s="49" t="s">
        <v>445</v>
      </c>
      <c r="B166" s="182">
        <v>71</v>
      </c>
      <c r="C166" s="176">
        <v>3.68</v>
      </c>
      <c r="D166" s="177">
        <v>0.5292</v>
      </c>
      <c r="E166" s="183">
        <v>0.52200000000000002</v>
      </c>
      <c r="F166" s="97">
        <v>0.11536984006935967</v>
      </c>
      <c r="G166" s="183">
        <v>6.0999999999999999E-2</v>
      </c>
      <c r="H166" s="97">
        <v>6.4202896087903027E-2</v>
      </c>
      <c r="I166" s="183">
        <v>0.41799999999999998</v>
      </c>
      <c r="J166" s="97">
        <v>0.11406994360121857</v>
      </c>
    </row>
    <row r="167" spans="1:10" ht="25.5">
      <c r="A167" s="57" t="s">
        <v>449</v>
      </c>
      <c r="B167" s="180">
        <v>99</v>
      </c>
      <c r="C167" s="174">
        <v>3.9</v>
      </c>
      <c r="D167" s="85">
        <v>0.41159999999999997</v>
      </c>
      <c r="E167" s="181">
        <v>0.438</v>
      </c>
      <c r="F167" s="94">
        <v>9.7830597743999381E-2</v>
      </c>
      <c r="G167" s="181">
        <v>7.0999999999999994E-2</v>
      </c>
      <c r="H167" s="94">
        <v>5.5730239488771018E-2</v>
      </c>
      <c r="I167" s="181">
        <v>0.49099999999999999</v>
      </c>
      <c r="J167" s="94">
        <v>9.8518180097761615E-2</v>
      </c>
    </row>
    <row r="168" spans="1:10">
      <c r="A168" s="49" t="s">
        <v>454</v>
      </c>
      <c r="B168" s="182">
        <v>72</v>
      </c>
      <c r="C168" s="176">
        <v>3.96</v>
      </c>
      <c r="D168" s="177">
        <v>0.50960000000000005</v>
      </c>
      <c r="E168" s="183">
        <v>0.47499999999999998</v>
      </c>
      <c r="F168" s="97">
        <v>0.11457910578601767</v>
      </c>
      <c r="G168" s="183">
        <v>7.1999999999999995E-2</v>
      </c>
      <c r="H168" s="97">
        <v>6.7117764301868527E-2</v>
      </c>
      <c r="I168" s="183">
        <v>0.45300000000000001</v>
      </c>
      <c r="J168" s="97">
        <v>0.11425212360164277</v>
      </c>
    </row>
    <row r="177" spans="1:12" ht="18.75">
      <c r="A177" s="324" t="s">
        <v>13</v>
      </c>
      <c r="B177" s="324"/>
      <c r="C177" s="324"/>
      <c r="D177" s="324"/>
      <c r="E177" s="324"/>
      <c r="F177" s="324"/>
      <c r="G177" s="324"/>
      <c r="H177" s="324"/>
      <c r="I177" s="324"/>
      <c r="J177" s="324"/>
      <c r="K177" s="324"/>
      <c r="L177" s="324"/>
    </row>
    <row r="178" spans="1:12" ht="43.5" customHeight="1">
      <c r="A178" s="381" t="s">
        <v>389</v>
      </c>
      <c r="B178" s="381"/>
      <c r="C178" s="381"/>
      <c r="D178" s="381"/>
      <c r="E178" s="381"/>
      <c r="F178" s="381"/>
      <c r="G178" s="381"/>
      <c r="H178" s="381"/>
      <c r="I178" s="381"/>
      <c r="J178" s="381"/>
      <c r="K178" s="381"/>
      <c r="L178" s="381"/>
    </row>
    <row r="179" spans="1:12" ht="36" customHeight="1">
      <c r="A179" s="379" t="s">
        <v>160</v>
      </c>
      <c r="B179" s="380"/>
      <c r="C179" s="380"/>
      <c r="D179" s="380"/>
      <c r="E179" s="380"/>
      <c r="F179" s="380"/>
      <c r="G179" s="380"/>
      <c r="H179" s="380"/>
      <c r="I179" s="380"/>
      <c r="J179" s="380"/>
      <c r="K179" s="380"/>
      <c r="L179" s="380"/>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7</v>
      </c>
      <c r="L180" s="89" t="s">
        <v>356</v>
      </c>
    </row>
    <row r="181" spans="1:12" ht="72">
      <c r="A181" s="41"/>
      <c r="B181" s="42" t="s">
        <v>89</v>
      </c>
      <c r="C181" s="126" t="s">
        <v>361</v>
      </c>
      <c r="D181" s="44" t="s">
        <v>91</v>
      </c>
      <c r="E181" s="42" t="s">
        <v>181</v>
      </c>
      <c r="F181" s="91" t="s">
        <v>161</v>
      </c>
      <c r="G181" s="42" t="s">
        <v>182</v>
      </c>
      <c r="H181" s="91" t="s">
        <v>104</v>
      </c>
      <c r="I181" s="42" t="s">
        <v>183</v>
      </c>
      <c r="J181" s="91" t="s">
        <v>104</v>
      </c>
      <c r="K181" s="42" t="s">
        <v>357</v>
      </c>
      <c r="L181" s="91" t="s">
        <v>104</v>
      </c>
    </row>
    <row r="182" spans="1:12">
      <c r="A182" s="45" t="s">
        <v>436</v>
      </c>
      <c r="B182" s="184">
        <v>9355</v>
      </c>
      <c r="C182" s="174">
        <v>5.53</v>
      </c>
      <c r="D182" s="85">
        <v>1.9599999999999999E-2</v>
      </c>
      <c r="E182" s="181">
        <v>0.10299999999999999</v>
      </c>
      <c r="F182" s="94">
        <v>6.2884910624138122E-3</v>
      </c>
      <c r="G182" s="181">
        <v>0.10299999999999999</v>
      </c>
      <c r="H182" s="94">
        <v>6.2884910624138122E-3</v>
      </c>
      <c r="I182" s="181">
        <v>0.78500000000000003</v>
      </c>
      <c r="J182" s="94">
        <v>8.4949068833350856E-3</v>
      </c>
      <c r="K182" s="181">
        <v>8.9999999999999993E-3</v>
      </c>
      <c r="L182" s="94">
        <v>1.9748423193708372E-3</v>
      </c>
    </row>
    <row r="183" spans="1:12">
      <c r="A183" s="49" t="s">
        <v>437</v>
      </c>
      <c r="B183" s="49">
        <v>8720</v>
      </c>
      <c r="C183" s="176">
        <v>5.49</v>
      </c>
      <c r="D183" s="177">
        <v>3.1657919999999999E-2</v>
      </c>
      <c r="E183" s="183">
        <v>0.113</v>
      </c>
      <c r="F183" s="97">
        <v>6.7837599134595167E-3</v>
      </c>
      <c r="G183" s="183">
        <v>9.9900000000000003E-2</v>
      </c>
      <c r="H183" s="97">
        <v>6.4262026441540025E-3</v>
      </c>
      <c r="I183" s="183">
        <v>0.77959999999999996</v>
      </c>
      <c r="J183" s="97">
        <v>8.8777811750262552E-3</v>
      </c>
      <c r="K183" s="183">
        <v>0.01</v>
      </c>
      <c r="L183" s="97">
        <v>2.1540961222383994E-3</v>
      </c>
    </row>
    <row r="184" spans="1:12">
      <c r="A184" s="53" t="s">
        <v>438</v>
      </c>
      <c r="B184" s="53">
        <v>834</v>
      </c>
      <c r="C184" s="174">
        <v>5.35</v>
      </c>
      <c r="D184" s="85">
        <v>9.8000000000000004E-2</v>
      </c>
      <c r="E184" s="181">
        <v>0.1147</v>
      </c>
      <c r="F184" s="94">
        <v>2.2168563334956089E-2</v>
      </c>
      <c r="G184" s="181">
        <v>0.1343</v>
      </c>
      <c r="H184" s="94">
        <v>2.3686212780974557E-2</v>
      </c>
      <c r="I184" s="181">
        <v>0.73809999999999998</v>
      </c>
      <c r="J184" s="94">
        <v>3.0418583929971529E-2</v>
      </c>
      <c r="K184" s="181">
        <v>1.29E-2</v>
      </c>
      <c r="L184" s="94">
        <v>8.4597198687637407E-3</v>
      </c>
    </row>
    <row r="185" spans="1:12">
      <c r="A185" s="49" t="s">
        <v>439</v>
      </c>
      <c r="B185" s="49">
        <v>806</v>
      </c>
      <c r="C185" s="176">
        <v>5.65</v>
      </c>
      <c r="D185" s="177">
        <v>9.8000000000000004E-2</v>
      </c>
      <c r="E185" s="183">
        <v>8.4000000000000005E-2</v>
      </c>
      <c r="F185" s="97">
        <v>1.9707612720614311E-2</v>
      </c>
      <c r="G185" s="183">
        <v>0.10100000000000001</v>
      </c>
      <c r="H185" s="97">
        <v>2.1357332935188548E-2</v>
      </c>
      <c r="I185" s="183">
        <v>0.79400000000000004</v>
      </c>
      <c r="J185" s="97">
        <v>2.8494364269733105E-2</v>
      </c>
      <c r="K185" s="183">
        <v>2.1000000000000001E-2</v>
      </c>
      <c r="L185" s="97">
        <v>1.0615499658309657E-2</v>
      </c>
    </row>
    <row r="186" spans="1:12">
      <c r="A186" s="53" t="s">
        <v>440</v>
      </c>
      <c r="B186" s="53">
        <v>717</v>
      </c>
      <c r="C186" s="174">
        <v>5.66</v>
      </c>
      <c r="D186" s="85">
        <v>0.1176</v>
      </c>
      <c r="E186" s="181">
        <v>8.5000000000000006E-2</v>
      </c>
      <c r="F186" s="94">
        <v>2.1025136023651823E-2</v>
      </c>
      <c r="G186" s="181">
        <v>9.9000000000000005E-2</v>
      </c>
      <c r="H186" s="94">
        <v>2.2466279306716852E-2</v>
      </c>
      <c r="I186" s="181">
        <v>0.80900000000000005</v>
      </c>
      <c r="J186" s="94">
        <v>2.937872552427849E-2</v>
      </c>
      <c r="K186" s="181">
        <v>7.0000000000000001E-3</v>
      </c>
      <c r="L186" s="94">
        <v>7.3132100460562531E-3</v>
      </c>
    </row>
    <row r="187" spans="1:12" ht="25.5">
      <c r="A187" s="49" t="s">
        <v>453</v>
      </c>
      <c r="B187" s="49">
        <v>130</v>
      </c>
      <c r="C187" s="176">
        <v>5.98</v>
      </c>
      <c r="D187" s="177">
        <v>0.23519999999999999</v>
      </c>
      <c r="E187" s="183">
        <v>5.6000000000000001E-2</v>
      </c>
      <c r="F187" s="97">
        <v>4.3864667057543376E-2</v>
      </c>
      <c r="G187" s="183">
        <v>6.8000000000000005E-2</v>
      </c>
      <c r="H187" s="97">
        <v>4.7110995276991717E-2</v>
      </c>
      <c r="I187" s="183">
        <v>0.86599999999999999</v>
      </c>
      <c r="J187" s="97">
        <v>6.0820756805503105E-2</v>
      </c>
      <c r="K187" s="183">
        <v>0.01</v>
      </c>
      <c r="L187" s="97">
        <v>2.6777347944675737E-2</v>
      </c>
    </row>
    <row r="188" spans="1:12">
      <c r="A188" s="53" t="s">
        <v>441</v>
      </c>
      <c r="B188" s="53">
        <v>75</v>
      </c>
      <c r="C188" s="174">
        <v>5.86</v>
      </c>
      <c r="D188" s="85">
        <v>0.3528</v>
      </c>
      <c r="E188" s="181">
        <v>9.2999999999999999E-2</v>
      </c>
      <c r="F188" s="94">
        <v>7.1405743593899715E-2</v>
      </c>
      <c r="G188" s="181">
        <v>8.2000000000000003E-2</v>
      </c>
      <c r="H188" s="94">
        <v>6.8444426740536926E-2</v>
      </c>
      <c r="I188" s="181">
        <v>0.82299999999999995</v>
      </c>
      <c r="J188" s="94">
        <v>8.8865848157335198E-2</v>
      </c>
      <c r="K188" s="181">
        <v>2E-3</v>
      </c>
      <c r="L188" s="94">
        <v>3.6612596098777671E-2</v>
      </c>
    </row>
    <row r="189" spans="1:12">
      <c r="A189" s="49" t="s">
        <v>446</v>
      </c>
      <c r="B189" s="49">
        <v>93</v>
      </c>
      <c r="C189" s="176">
        <v>5.44</v>
      </c>
      <c r="D189" s="177">
        <v>0.29399999999999998</v>
      </c>
      <c r="E189" s="183">
        <v>9.9000000000000005E-2</v>
      </c>
      <c r="F189" s="97">
        <v>6.4914692988594841E-2</v>
      </c>
      <c r="G189" s="183">
        <v>0.10100000000000001</v>
      </c>
      <c r="H189" s="97">
        <v>6.5380175486793105E-2</v>
      </c>
      <c r="I189" s="183">
        <v>0.69199999999999995</v>
      </c>
      <c r="J189" s="97">
        <v>9.440287490872562E-2</v>
      </c>
      <c r="K189" s="183">
        <v>0.108</v>
      </c>
      <c r="L189" s="97">
        <v>6.6966067427973397E-2</v>
      </c>
    </row>
    <row r="190" spans="1:12">
      <c r="A190" s="53" t="s">
        <v>447</v>
      </c>
      <c r="B190" s="53">
        <v>111</v>
      </c>
      <c r="C190" s="174">
        <v>5.53</v>
      </c>
      <c r="D190" s="85">
        <v>0.27440000000000003</v>
      </c>
      <c r="E190" s="181">
        <v>9.9000000000000005E-2</v>
      </c>
      <c r="F190" s="94">
        <v>5.9032964901105933E-2</v>
      </c>
      <c r="G190" s="181">
        <v>0.13300000000000001</v>
      </c>
      <c r="H190" s="94">
        <v>6.5810721682365292E-2</v>
      </c>
      <c r="I190" s="181">
        <v>0.76800000000000002</v>
      </c>
      <c r="J190" s="94">
        <v>7.9800960515848895E-2</v>
      </c>
      <c r="K190" s="181">
        <v>0</v>
      </c>
      <c r="L190" s="94">
        <v>2.4380210707016403E-2</v>
      </c>
    </row>
    <row r="191" spans="1:12" ht="25.5">
      <c r="A191" s="49" t="s">
        <v>442</v>
      </c>
      <c r="B191" s="49">
        <v>77</v>
      </c>
      <c r="C191" s="176">
        <v>5.37</v>
      </c>
      <c r="D191" s="177">
        <v>0.31359999999999999</v>
      </c>
      <c r="E191" s="183">
        <v>9.9000000000000005E-2</v>
      </c>
      <c r="F191" s="97">
        <v>7.190131867917586E-2</v>
      </c>
      <c r="G191" s="183">
        <v>0.18</v>
      </c>
      <c r="H191" s="97">
        <v>8.8181592159917666E-2</v>
      </c>
      <c r="I191" s="183">
        <v>0.72099999999999997</v>
      </c>
      <c r="J191" s="97">
        <v>0.10082712162937946</v>
      </c>
      <c r="K191" s="183">
        <v>0</v>
      </c>
      <c r="L191" s="97">
        <v>3.4485061975244265E-2</v>
      </c>
    </row>
    <row r="192" spans="1:12">
      <c r="A192" s="45" t="s">
        <v>448</v>
      </c>
      <c r="B192" s="184">
        <v>282</v>
      </c>
      <c r="C192" s="174">
        <v>5.61</v>
      </c>
      <c r="D192" s="85">
        <v>0.1764</v>
      </c>
      <c r="E192" s="181">
        <v>7.2999999999999995E-2</v>
      </c>
      <c r="F192" s="94">
        <v>3.1894811110968826E-2</v>
      </c>
      <c r="G192" s="181">
        <v>9.7000000000000003E-2</v>
      </c>
      <c r="H192" s="94">
        <v>3.5890692736655717E-2</v>
      </c>
      <c r="I192" s="181">
        <v>0.81899999999999995</v>
      </c>
      <c r="J192" s="94">
        <v>4.5965258424164747E-2</v>
      </c>
      <c r="K192" s="181">
        <v>1.0999999999999999E-2</v>
      </c>
      <c r="L192" s="94">
        <v>1.5654006024382515E-2</v>
      </c>
    </row>
    <row r="193" spans="1:12" ht="25.5">
      <c r="A193" s="49" t="s">
        <v>443</v>
      </c>
      <c r="B193" s="185">
        <v>125</v>
      </c>
      <c r="C193" s="176">
        <v>5.73</v>
      </c>
      <c r="D193" s="177">
        <v>0.23519999999999999</v>
      </c>
      <c r="E193" s="183">
        <v>6.2E-2</v>
      </c>
      <c r="F193" s="97">
        <v>4.6545417688336463E-2</v>
      </c>
      <c r="G193" s="183">
        <v>0.11899999999999999</v>
      </c>
      <c r="H193" s="97">
        <v>5.9377040707122831E-2</v>
      </c>
      <c r="I193" s="183">
        <v>0.81200000000000006</v>
      </c>
      <c r="J193" s="97">
        <v>7.0127070232170186E-2</v>
      </c>
      <c r="K193" s="183">
        <v>7.0000000000000001E-3</v>
      </c>
      <c r="L193" s="97">
        <v>2.5993510987320771E-2</v>
      </c>
    </row>
    <row r="194" spans="1:12" ht="25.5">
      <c r="A194" s="53" t="s">
        <v>444</v>
      </c>
      <c r="B194" s="83">
        <v>79</v>
      </c>
      <c r="C194" s="174">
        <v>5.49</v>
      </c>
      <c r="D194" s="85">
        <v>0.3332</v>
      </c>
      <c r="E194" s="181">
        <v>9.9000000000000005E-2</v>
      </c>
      <c r="F194" s="94">
        <v>7.0906156987784172E-2</v>
      </c>
      <c r="G194" s="181">
        <v>6.0999999999999999E-2</v>
      </c>
      <c r="H194" s="94">
        <v>6.0283233188998891E-2</v>
      </c>
      <c r="I194" s="181">
        <v>0.84</v>
      </c>
      <c r="J194" s="94">
        <v>8.367282315123703E-2</v>
      </c>
      <c r="K194" s="181">
        <v>0</v>
      </c>
      <c r="L194" s="94">
        <v>3.3664360151118053E-2</v>
      </c>
    </row>
    <row r="195" spans="1:12">
      <c r="A195" s="49" t="s">
        <v>445</v>
      </c>
      <c r="B195" s="185">
        <v>78</v>
      </c>
      <c r="C195" s="176">
        <v>5.53</v>
      </c>
      <c r="D195" s="177">
        <v>0.3528</v>
      </c>
      <c r="E195" s="183">
        <v>6.8000000000000005E-2</v>
      </c>
      <c r="F195" s="97">
        <v>6.2912692498727052E-2</v>
      </c>
      <c r="G195" s="183">
        <v>9.5000000000000001E-2</v>
      </c>
      <c r="H195" s="97">
        <v>7.0395099480751844E-2</v>
      </c>
      <c r="I195" s="183">
        <v>0.81200000000000006</v>
      </c>
      <c r="J195" s="97">
        <v>8.8874079751209339E-2</v>
      </c>
      <c r="K195" s="183">
        <v>2.5000000000000001E-2</v>
      </c>
      <c r="L195" s="97">
        <v>4.7292711919361782E-2</v>
      </c>
    </row>
    <row r="196" spans="1:12" ht="25.5">
      <c r="A196" s="57" t="s">
        <v>449</v>
      </c>
      <c r="B196" s="184">
        <v>105</v>
      </c>
      <c r="C196" s="174">
        <v>5.5</v>
      </c>
      <c r="D196" s="85">
        <v>0.29399999999999998</v>
      </c>
      <c r="E196" s="181">
        <v>0.15</v>
      </c>
      <c r="F196" s="94">
        <v>7.0730359262806103E-2</v>
      </c>
      <c r="G196" s="181">
        <v>0.10299999999999999</v>
      </c>
      <c r="H196" s="94">
        <v>6.1702566487959493E-2</v>
      </c>
      <c r="I196" s="181">
        <v>0.747</v>
      </c>
      <c r="J196" s="94">
        <v>8.4242238023867808E-2</v>
      </c>
      <c r="K196" s="181">
        <v>0</v>
      </c>
      <c r="L196" s="94">
        <v>2.5709707484377786E-2</v>
      </c>
    </row>
    <row r="197" spans="1:12">
      <c r="A197" s="49" t="s">
        <v>454</v>
      </c>
      <c r="B197" s="185">
        <v>76</v>
      </c>
      <c r="C197" s="176">
        <v>5.71</v>
      </c>
      <c r="D197" s="177">
        <v>0.37240000000000001</v>
      </c>
      <c r="E197" s="183">
        <v>3.5999999999999997E-2</v>
      </c>
      <c r="F197" s="97">
        <v>5.2770901072466063E-2</v>
      </c>
      <c r="G197" s="183">
        <v>0.13900000000000001</v>
      </c>
      <c r="H197" s="97">
        <v>8.1358864759778937E-2</v>
      </c>
      <c r="I197" s="183">
        <v>0.80900000000000005</v>
      </c>
      <c r="J197" s="97">
        <v>9.0506463167002602E-2</v>
      </c>
      <c r="K197" s="183">
        <v>1.6E-2</v>
      </c>
      <c r="L197" s="97">
        <v>4.3922636532885861E-2</v>
      </c>
    </row>
  </sheetData>
  <mergeCells count="2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 ref="A3:D3"/>
    <mergeCell ref="A4:D4"/>
    <mergeCell ref="A5:D5"/>
    <mergeCell ref="A32:O32"/>
    <mergeCell ref="A33:O33"/>
    <mergeCell ref="B34:H34"/>
    <mergeCell ref="I34:O34"/>
    <mergeCell ref="A61:D61"/>
    <mergeCell ref="A62:D62"/>
    <mergeCell ref="A63:D63"/>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84"/>
  <sheetViews>
    <sheetView zoomScaleNormal="100" workbookViewId="0">
      <selection activeCell="A265" sqref="A265:S265"/>
    </sheetView>
  </sheetViews>
  <sheetFormatPr defaultColWidth="17.5703125" defaultRowHeight="15"/>
  <cols>
    <col min="1" max="1" width="40.85546875" customWidth="1"/>
  </cols>
  <sheetData>
    <row r="1" spans="1:55" ht="31.5">
      <c r="A1" s="33" t="s">
        <v>48</v>
      </c>
    </row>
    <row r="3" spans="1:55" ht="18.75">
      <c r="A3" s="324" t="s">
        <v>272</v>
      </c>
      <c r="B3" s="324"/>
      <c r="C3" s="324"/>
      <c r="D3" s="324"/>
      <c r="E3" s="324"/>
      <c r="F3" s="324"/>
      <c r="G3" s="324"/>
      <c r="H3" s="324"/>
      <c r="I3" s="324"/>
      <c r="J3" s="324"/>
      <c r="K3" s="324"/>
      <c r="L3" s="324"/>
      <c r="M3" s="324"/>
      <c r="N3" s="324"/>
      <c r="O3" s="324"/>
      <c r="P3" s="324"/>
      <c r="Q3" s="324"/>
      <c r="R3" s="324"/>
      <c r="S3" s="324"/>
      <c r="T3" s="324"/>
      <c r="U3" s="324"/>
      <c r="V3" s="324"/>
      <c r="W3" s="324"/>
      <c r="X3" s="226"/>
      <c r="Y3" s="226"/>
      <c r="Z3" s="226"/>
      <c r="AA3" s="226"/>
      <c r="AB3" s="226"/>
      <c r="AC3" s="226"/>
      <c r="AD3" s="226"/>
      <c r="AE3" s="226"/>
      <c r="AF3" s="226"/>
      <c r="AG3" s="226"/>
      <c r="AH3" s="226"/>
      <c r="AI3" s="226"/>
      <c r="AJ3" s="226"/>
      <c r="AK3" s="226"/>
      <c r="AL3" s="226"/>
      <c r="AM3" s="226"/>
      <c r="AN3" s="226"/>
      <c r="AO3" s="226"/>
      <c r="AP3" s="226"/>
      <c r="AQ3" s="226"/>
      <c r="AR3" s="248"/>
      <c r="AS3" s="248"/>
      <c r="AT3" s="248"/>
      <c r="AU3" s="248"/>
      <c r="AV3" s="248"/>
      <c r="AW3" s="248"/>
    </row>
    <row r="4" spans="1:55" ht="37.5" customHeight="1">
      <c r="A4" s="387" t="s">
        <v>486</v>
      </c>
      <c r="B4" s="387"/>
      <c r="C4" s="387"/>
      <c r="D4" s="387"/>
      <c r="E4" s="387"/>
      <c r="F4" s="387"/>
      <c r="G4" s="387"/>
      <c r="H4" s="387"/>
      <c r="I4" s="387"/>
      <c r="J4" s="387"/>
      <c r="K4" s="387"/>
      <c r="L4" s="387"/>
      <c r="M4" s="387"/>
      <c r="N4" s="387"/>
      <c r="O4" s="387"/>
      <c r="P4" s="387"/>
      <c r="Q4" s="387"/>
      <c r="R4" s="387"/>
      <c r="S4" s="387"/>
      <c r="T4" s="387"/>
      <c r="U4" s="387"/>
      <c r="V4" s="387"/>
      <c r="W4" s="387"/>
      <c r="X4" s="258"/>
      <c r="Y4" s="258"/>
      <c r="Z4" s="258"/>
      <c r="AA4" s="258"/>
      <c r="AB4" s="258"/>
      <c r="AC4" s="258"/>
      <c r="AD4" s="258"/>
      <c r="AE4" s="258"/>
      <c r="AF4" s="258"/>
      <c r="AG4" s="258"/>
      <c r="AH4" s="258"/>
      <c r="AI4" s="258"/>
      <c r="AJ4" s="258"/>
      <c r="AK4" s="258"/>
      <c r="AL4" s="258"/>
      <c r="AM4" s="258"/>
      <c r="AN4" s="258"/>
      <c r="AO4" s="258"/>
      <c r="AP4" s="258"/>
      <c r="AQ4" s="258"/>
      <c r="AR4" s="248"/>
      <c r="AS4" s="248"/>
      <c r="AT4" s="248"/>
      <c r="AU4" s="248"/>
      <c r="AV4" s="248"/>
      <c r="AW4" s="248"/>
    </row>
    <row r="5" spans="1:55" ht="34.5" customHeight="1">
      <c r="A5" s="64"/>
      <c r="B5" s="376" t="s">
        <v>270</v>
      </c>
      <c r="C5" s="377"/>
      <c r="D5" s="377"/>
      <c r="E5" s="377"/>
      <c r="F5" s="377"/>
      <c r="G5" s="377"/>
      <c r="H5" s="377"/>
      <c r="I5" s="377"/>
      <c r="J5" s="377"/>
      <c r="K5" s="377"/>
      <c r="L5" s="378"/>
      <c r="M5" s="379" t="s">
        <v>271</v>
      </c>
      <c r="N5" s="380"/>
      <c r="O5" s="380"/>
      <c r="P5" s="380"/>
      <c r="Q5" s="380"/>
      <c r="R5" s="380"/>
      <c r="S5" s="380"/>
      <c r="T5" s="380"/>
      <c r="U5" s="380"/>
      <c r="V5" s="380"/>
      <c r="W5" s="380"/>
      <c r="X5" s="248"/>
      <c r="Y5" s="248"/>
      <c r="Z5" s="248"/>
      <c r="AA5" s="248"/>
      <c r="AB5" s="248"/>
      <c r="AC5" s="248"/>
      <c r="AD5" s="248"/>
      <c r="AE5" s="248"/>
      <c r="AF5" s="248"/>
      <c r="AG5" s="248"/>
      <c r="AH5" s="248"/>
      <c r="AI5" s="248"/>
      <c r="AJ5" s="248"/>
      <c r="AK5" s="248"/>
      <c r="AL5" s="248"/>
      <c r="AM5" s="248"/>
      <c r="AN5" s="248"/>
      <c r="AO5" s="248"/>
      <c r="AP5" s="248"/>
      <c r="AQ5" s="248"/>
      <c r="AR5" s="248"/>
      <c r="AS5" s="248"/>
      <c r="AT5" s="248"/>
      <c r="AU5" s="248"/>
      <c r="AV5" s="248"/>
      <c r="AW5" s="248"/>
      <c r="AX5" s="248"/>
      <c r="AY5" s="248"/>
      <c r="AZ5" s="248"/>
      <c r="BA5" s="248"/>
    </row>
    <row r="6" spans="1:55" ht="49.5" customHeight="1">
      <c r="A6" s="37" t="s">
        <v>85</v>
      </c>
      <c r="B6" s="38" t="s">
        <v>86</v>
      </c>
      <c r="C6" s="39" t="s">
        <v>87</v>
      </c>
      <c r="D6" s="40" t="s">
        <v>88</v>
      </c>
      <c r="E6" s="38" t="s">
        <v>368</v>
      </c>
      <c r="F6" s="89" t="s">
        <v>162</v>
      </c>
      <c r="G6" s="38" t="s">
        <v>369</v>
      </c>
      <c r="H6" s="89" t="s">
        <v>163</v>
      </c>
      <c r="I6" s="38" t="s">
        <v>370</v>
      </c>
      <c r="J6" s="89" t="s">
        <v>136</v>
      </c>
      <c r="K6" s="38" t="s">
        <v>357</v>
      </c>
      <c r="L6" s="89" t="s">
        <v>371</v>
      </c>
      <c r="M6" s="65" t="s">
        <v>86</v>
      </c>
      <c r="N6" s="66" t="s">
        <v>87</v>
      </c>
      <c r="O6" s="67" t="s">
        <v>88</v>
      </c>
      <c r="P6" s="65" t="s">
        <v>368</v>
      </c>
      <c r="Q6" s="88" t="s">
        <v>162</v>
      </c>
      <c r="R6" s="65" t="s">
        <v>372</v>
      </c>
      <c r="S6" s="88" t="s">
        <v>373</v>
      </c>
      <c r="T6" s="65" t="s">
        <v>370</v>
      </c>
      <c r="U6" s="88" t="s">
        <v>136</v>
      </c>
      <c r="V6" s="65" t="s">
        <v>357</v>
      </c>
      <c r="W6" s="88" t="s">
        <v>371</v>
      </c>
      <c r="X6" s="248"/>
      <c r="Y6" s="248"/>
      <c r="Z6" s="248"/>
      <c r="AA6" s="248"/>
      <c r="AB6" s="248"/>
      <c r="AC6" s="248"/>
      <c r="AD6" s="248"/>
      <c r="AE6" s="248"/>
      <c r="AF6" s="248"/>
      <c r="AG6" s="248"/>
      <c r="AH6" s="248"/>
      <c r="AI6" s="248"/>
      <c r="AJ6" s="248"/>
      <c r="AK6" s="248"/>
      <c r="AL6" s="248"/>
      <c r="AM6" s="248"/>
      <c r="AN6" s="248"/>
      <c r="AO6" s="248"/>
      <c r="AP6" s="248"/>
      <c r="AQ6" s="248"/>
      <c r="AR6" s="248"/>
      <c r="AS6" s="248"/>
      <c r="AT6" s="248"/>
      <c r="AU6" s="248"/>
      <c r="AV6" s="248"/>
      <c r="AW6" s="248"/>
      <c r="AX6" s="248"/>
      <c r="AY6" s="248"/>
      <c r="AZ6" s="248"/>
      <c r="BA6" s="248"/>
      <c r="BB6" s="248"/>
      <c r="BC6" s="248"/>
    </row>
    <row r="7" spans="1:55" ht="72">
      <c r="A7" s="41"/>
      <c r="B7" s="42" t="s">
        <v>89</v>
      </c>
      <c r="C7" s="126" t="s">
        <v>360</v>
      </c>
      <c r="D7" s="44" t="s">
        <v>91</v>
      </c>
      <c r="E7" s="42" t="s">
        <v>181</v>
      </c>
      <c r="F7" s="91" t="s">
        <v>104</v>
      </c>
      <c r="G7" s="42" t="s">
        <v>182</v>
      </c>
      <c r="H7" s="91" t="s">
        <v>104</v>
      </c>
      <c r="I7" s="42" t="s">
        <v>183</v>
      </c>
      <c r="J7" s="91" t="s">
        <v>104</v>
      </c>
      <c r="K7" s="42" t="s">
        <v>357</v>
      </c>
      <c r="L7" s="91" t="s">
        <v>104</v>
      </c>
      <c r="M7" s="68" t="s">
        <v>89</v>
      </c>
      <c r="N7" s="272" t="s">
        <v>360</v>
      </c>
      <c r="O7" s="70" t="s">
        <v>91</v>
      </c>
      <c r="P7" s="68" t="s">
        <v>181</v>
      </c>
      <c r="Q7" s="90" t="s">
        <v>104</v>
      </c>
      <c r="R7" s="68" t="s">
        <v>182</v>
      </c>
      <c r="S7" s="90" t="s">
        <v>104</v>
      </c>
      <c r="T7" s="68" t="s">
        <v>183</v>
      </c>
      <c r="U7" s="90" t="s">
        <v>104</v>
      </c>
      <c r="V7" s="68" t="s">
        <v>357</v>
      </c>
      <c r="W7" s="90" t="s">
        <v>104</v>
      </c>
    </row>
    <row r="8" spans="1:55">
      <c r="A8" s="45" t="s">
        <v>436</v>
      </c>
      <c r="B8" s="186">
        <v>10984</v>
      </c>
      <c r="C8" s="84">
        <v>4.8899999999999997</v>
      </c>
      <c r="D8" s="85">
        <v>3.9199999999999999E-2</v>
      </c>
      <c r="E8" s="188">
        <v>0.19600000000000001</v>
      </c>
      <c r="F8" s="94">
        <v>7.5756414386888137E-3</v>
      </c>
      <c r="G8" s="188">
        <v>0.16200000000000001</v>
      </c>
      <c r="H8" s="94">
        <v>7.0320697110495085E-3</v>
      </c>
      <c r="I8" s="188">
        <v>0.63100000000000001</v>
      </c>
      <c r="J8" s="94">
        <v>9.2068312446001097E-3</v>
      </c>
      <c r="K8" s="188">
        <v>1.0999999999999999E-2</v>
      </c>
      <c r="L8" s="94">
        <v>2.0059126667579716E-3</v>
      </c>
      <c r="M8" s="186">
        <v>11074</v>
      </c>
      <c r="N8" s="84">
        <v>5.4</v>
      </c>
      <c r="O8" s="85">
        <v>1.9599999999999999E-2</v>
      </c>
      <c r="P8" s="188">
        <v>7.4999999999999997E-2</v>
      </c>
      <c r="Q8" s="94">
        <v>5.0340808005329817E-3</v>
      </c>
      <c r="R8" s="188">
        <v>0.115</v>
      </c>
      <c r="S8" s="94">
        <v>6.0947779751367942E-3</v>
      </c>
      <c r="T8" s="188">
        <v>0.68500000000000005</v>
      </c>
      <c r="U8" s="94">
        <v>8.8701825986047169E-3</v>
      </c>
      <c r="V8" s="188">
        <v>0.126</v>
      </c>
      <c r="W8" s="94">
        <v>6.3394104173580719E-3</v>
      </c>
    </row>
    <row r="9" spans="1:55">
      <c r="A9" s="49" t="s">
        <v>437</v>
      </c>
      <c r="B9" s="49">
        <v>8836</v>
      </c>
      <c r="C9" s="170">
        <v>4.7</v>
      </c>
      <c r="D9" s="130">
        <v>3.9199999999999999E-2</v>
      </c>
      <c r="E9" s="189">
        <v>0.249</v>
      </c>
      <c r="F9" s="97">
        <v>9.2000393856238021E-3</v>
      </c>
      <c r="G9" s="189">
        <v>0.161</v>
      </c>
      <c r="H9" s="97">
        <v>7.8210464800530181E-3</v>
      </c>
      <c r="I9" s="189">
        <v>0.58499999999999996</v>
      </c>
      <c r="J9" s="97">
        <v>1.0481216488890508E-2</v>
      </c>
      <c r="K9" s="189">
        <v>5.0000000000000001E-3</v>
      </c>
      <c r="L9" s="97">
        <v>1.5334419795925037E-3</v>
      </c>
      <c r="M9" s="49">
        <v>8821</v>
      </c>
      <c r="N9" s="170">
        <v>5.47</v>
      </c>
      <c r="O9" s="130">
        <v>3.9199999999999999E-2</v>
      </c>
      <c r="P9" s="189">
        <v>7.0999999999999994E-2</v>
      </c>
      <c r="Q9" s="97">
        <v>5.4746719709409608E-3</v>
      </c>
      <c r="R9" s="189">
        <v>0.10100000000000001</v>
      </c>
      <c r="S9" s="97">
        <v>6.4203389805858871E-3</v>
      </c>
      <c r="T9" s="189">
        <v>0.69499999999999995</v>
      </c>
      <c r="U9" s="97">
        <v>9.8028026851548992E-3</v>
      </c>
      <c r="V9" s="189">
        <v>0.13300000000000001</v>
      </c>
      <c r="W9" s="97">
        <v>7.2333213841521459E-3</v>
      </c>
    </row>
    <row r="10" spans="1:55">
      <c r="A10" s="53" t="s">
        <v>438</v>
      </c>
      <c r="B10" s="53">
        <v>1982</v>
      </c>
      <c r="C10" s="84">
        <v>5.34</v>
      </c>
      <c r="D10" s="85">
        <v>5.8799999999999998E-2</v>
      </c>
      <c r="E10" s="188">
        <v>8.5500000000000007E-2</v>
      </c>
      <c r="F10" s="94">
        <v>1.2604538787916123E-2</v>
      </c>
      <c r="G10" s="188">
        <v>0.15870000000000001</v>
      </c>
      <c r="H10" s="94">
        <v>1.6427267436820155E-2</v>
      </c>
      <c r="I10" s="188">
        <v>0.73740000000000006</v>
      </c>
      <c r="J10" s="94">
        <v>1.9760297484259556E-2</v>
      </c>
      <c r="K10" s="188">
        <v>1.8499999999999999E-2</v>
      </c>
      <c r="L10" s="94">
        <v>6.2008536355848401E-3</v>
      </c>
      <c r="M10" s="53">
        <v>1982</v>
      </c>
      <c r="N10" s="84">
        <v>5.31</v>
      </c>
      <c r="O10" s="85">
        <v>5.8799999999999998E-2</v>
      </c>
      <c r="P10" s="188">
        <v>7.5800000000000006E-2</v>
      </c>
      <c r="Q10" s="94">
        <v>1.1939633879621185E-2</v>
      </c>
      <c r="R10" s="188">
        <v>0.125</v>
      </c>
      <c r="S10" s="94">
        <v>1.4880585078639935E-2</v>
      </c>
      <c r="T10" s="188">
        <v>0.68089999999999995</v>
      </c>
      <c r="U10" s="94">
        <v>2.0925556405062211E-2</v>
      </c>
      <c r="V10" s="188">
        <v>0.1183</v>
      </c>
      <c r="W10" s="94">
        <v>1.4534842448889567E-2</v>
      </c>
    </row>
    <row r="11" spans="1:55">
      <c r="A11" s="49" t="s">
        <v>439</v>
      </c>
      <c r="B11" s="49">
        <v>903</v>
      </c>
      <c r="C11" s="170">
        <v>4.62</v>
      </c>
      <c r="D11" s="130">
        <v>0.1176</v>
      </c>
      <c r="E11" s="189">
        <v>0.246</v>
      </c>
      <c r="F11" s="97">
        <v>2.8644634434596191E-2</v>
      </c>
      <c r="G11" s="189">
        <v>0.16200000000000001</v>
      </c>
      <c r="H11" s="97">
        <v>2.4558859195116887E-2</v>
      </c>
      <c r="I11" s="189">
        <v>0.57999999999999996</v>
      </c>
      <c r="J11" s="97">
        <v>3.2780471595290586E-2</v>
      </c>
      <c r="K11" s="189">
        <v>1.2E-2</v>
      </c>
      <c r="L11" s="97">
        <v>7.8440889469846928E-3</v>
      </c>
      <c r="M11" s="49">
        <v>908</v>
      </c>
      <c r="N11" s="170">
        <v>5.31</v>
      </c>
      <c r="O11" s="130">
        <v>9.8000000000000004E-2</v>
      </c>
      <c r="P11" s="189">
        <v>9.6000000000000002E-2</v>
      </c>
      <c r="Q11" s="97">
        <v>1.9735784491891176E-2</v>
      </c>
      <c r="R11" s="189">
        <v>0.114</v>
      </c>
      <c r="S11" s="97">
        <v>2.1253929250131927E-2</v>
      </c>
      <c r="T11" s="189">
        <v>0.68200000000000005</v>
      </c>
      <c r="U11" s="97">
        <v>3.0964470131764708E-2</v>
      </c>
      <c r="V11" s="189">
        <v>0.108</v>
      </c>
      <c r="W11" s="97">
        <v>2.0767807193980997E-2</v>
      </c>
    </row>
    <row r="12" spans="1:55">
      <c r="A12" s="53" t="s">
        <v>440</v>
      </c>
      <c r="B12" s="53">
        <v>718</v>
      </c>
      <c r="C12" s="84">
        <v>4.46</v>
      </c>
      <c r="D12" s="85">
        <v>0.13720000000000002</v>
      </c>
      <c r="E12" s="188">
        <v>0.30399999999999999</v>
      </c>
      <c r="F12" s="94">
        <v>3.4271886908989233E-2</v>
      </c>
      <c r="G12" s="188">
        <v>0.13500000000000001</v>
      </c>
      <c r="H12" s="94">
        <v>2.5595087841523697E-2</v>
      </c>
      <c r="I12" s="188">
        <v>0.55800000000000005</v>
      </c>
      <c r="J12" s="94">
        <v>3.6967693538691046E-2</v>
      </c>
      <c r="K12" s="188">
        <v>3.0000000000000001E-3</v>
      </c>
      <c r="L12" s="94">
        <v>5.6295423134539923E-3</v>
      </c>
      <c r="M12" s="53">
        <v>627</v>
      </c>
      <c r="N12" s="84">
        <v>5.42</v>
      </c>
      <c r="O12" s="85">
        <v>0.1176</v>
      </c>
      <c r="P12" s="188">
        <v>8.3000000000000004E-2</v>
      </c>
      <c r="Q12" s="94">
        <v>2.0806894752711438E-2</v>
      </c>
      <c r="R12" s="188">
        <v>0.10100000000000001</v>
      </c>
      <c r="S12" s="94">
        <v>2.2660804217295074E-2</v>
      </c>
      <c r="T12" s="188">
        <v>0.72099999999999997</v>
      </c>
      <c r="U12" s="94">
        <v>3.3451430155401862E-2</v>
      </c>
      <c r="V12" s="188">
        <v>9.6000000000000002E-2</v>
      </c>
      <c r="W12" s="94">
        <v>2.216943607991587E-2</v>
      </c>
    </row>
    <row r="13" spans="1:55" ht="25.5">
      <c r="A13" s="49" t="s">
        <v>453</v>
      </c>
      <c r="B13" s="49">
        <v>136</v>
      </c>
      <c r="C13" s="170">
        <v>5.05</v>
      </c>
      <c r="D13" s="130">
        <v>0.27440000000000003</v>
      </c>
      <c r="E13" s="189">
        <v>0.17499999999999999</v>
      </c>
      <c r="F13" s="97">
        <v>6.553613829590911E-2</v>
      </c>
      <c r="G13" s="189">
        <v>9.2999999999999999E-2</v>
      </c>
      <c r="H13" s="97">
        <v>5.1735987328354431E-2</v>
      </c>
      <c r="I13" s="189">
        <v>0.73199999999999998</v>
      </c>
      <c r="J13" s="97">
        <v>7.5443019024516292E-2</v>
      </c>
      <c r="K13" s="189">
        <v>0</v>
      </c>
      <c r="L13" s="97">
        <v>2.0058224286213251E-2</v>
      </c>
      <c r="M13" s="49">
        <v>136</v>
      </c>
      <c r="N13" s="170">
        <v>5.64</v>
      </c>
      <c r="O13" s="130">
        <v>0.27440000000000003</v>
      </c>
      <c r="P13" s="189">
        <v>0.06</v>
      </c>
      <c r="Q13" s="97">
        <v>4.4034689751831085E-2</v>
      </c>
      <c r="R13" s="189">
        <v>8.2000000000000003E-2</v>
      </c>
      <c r="S13" s="97">
        <v>4.9511968200231432E-2</v>
      </c>
      <c r="T13" s="189">
        <v>0.65700000000000003</v>
      </c>
      <c r="U13" s="97">
        <v>8.0778449168173616E-2</v>
      </c>
      <c r="V13" s="189">
        <v>0.20200000000000001</v>
      </c>
      <c r="W13" s="97">
        <v>6.9164277739441324E-2</v>
      </c>
    </row>
    <row r="14" spans="1:55">
      <c r="A14" s="53" t="s">
        <v>441</v>
      </c>
      <c r="B14" s="53">
        <v>79</v>
      </c>
      <c r="C14" s="84">
        <v>4.71</v>
      </c>
      <c r="D14" s="85">
        <v>0.39200000000000002</v>
      </c>
      <c r="E14" s="188">
        <v>0.28899999999999998</v>
      </c>
      <c r="F14" s="94">
        <v>0.10052075941628708</v>
      </c>
      <c r="G14" s="188">
        <v>8.7999999999999995E-2</v>
      </c>
      <c r="H14" s="94">
        <v>6.8097247860996371E-2</v>
      </c>
      <c r="I14" s="188">
        <v>0.622</v>
      </c>
      <c r="J14" s="94">
        <v>0.10676311661226978</v>
      </c>
      <c r="K14" s="188">
        <v>0</v>
      </c>
      <c r="L14" s="94">
        <v>3.3664360151118053E-2</v>
      </c>
      <c r="M14" s="53">
        <v>79</v>
      </c>
      <c r="N14" s="84">
        <v>5.59</v>
      </c>
      <c r="O14" s="85">
        <v>0.39200000000000002</v>
      </c>
      <c r="P14" s="188">
        <v>8.5000000000000006E-2</v>
      </c>
      <c r="Q14" s="94">
        <v>6.7297218832954767E-2</v>
      </c>
      <c r="R14" s="188">
        <v>7.2999999999999995E-2</v>
      </c>
      <c r="S14" s="94">
        <v>6.3935740534335636E-2</v>
      </c>
      <c r="T14" s="188">
        <v>0.56299999999999994</v>
      </c>
      <c r="U14" s="94">
        <v>0.10897205036662772</v>
      </c>
      <c r="V14" s="188">
        <v>0.27900000000000003</v>
      </c>
      <c r="W14" s="94">
        <v>9.9578178025899272E-2</v>
      </c>
    </row>
    <row r="15" spans="1:55">
      <c r="A15" s="49" t="s">
        <v>446</v>
      </c>
      <c r="B15" s="49">
        <v>165</v>
      </c>
      <c r="C15" s="170">
        <v>4.8899999999999997</v>
      </c>
      <c r="D15" s="130">
        <v>0.23519999999999999</v>
      </c>
      <c r="E15" s="189">
        <v>0.14899999999999999</v>
      </c>
      <c r="F15" s="97">
        <v>5.6013942103945502E-2</v>
      </c>
      <c r="G15" s="189">
        <v>0.17499999999999999</v>
      </c>
      <c r="H15" s="97">
        <v>5.9448317447958927E-2</v>
      </c>
      <c r="I15" s="189">
        <v>0.63900000000000001</v>
      </c>
      <c r="J15" s="97">
        <v>7.4035459254155792E-2</v>
      </c>
      <c r="K15" s="189">
        <v>3.6999999999999998E-2</v>
      </c>
      <c r="L15" s="97">
        <v>3.2873634512966578E-2</v>
      </c>
      <c r="M15" s="49">
        <v>165</v>
      </c>
      <c r="N15" s="170">
        <v>5.18</v>
      </c>
      <c r="O15" s="130">
        <v>0.23519999999999999</v>
      </c>
      <c r="P15" s="189">
        <v>0.13100000000000001</v>
      </c>
      <c r="Q15" s="97">
        <v>5.3340086310766276E-2</v>
      </c>
      <c r="R15" s="189">
        <v>9.1999999999999998E-2</v>
      </c>
      <c r="S15" s="97">
        <v>4.649176265654574E-2</v>
      </c>
      <c r="T15" s="189">
        <v>0.65100000000000002</v>
      </c>
      <c r="U15" s="97">
        <v>7.3503300904967275E-2</v>
      </c>
      <c r="V15" s="189">
        <v>0.126</v>
      </c>
      <c r="W15" s="97">
        <v>5.2548538272607977E-2</v>
      </c>
    </row>
    <row r="16" spans="1:55">
      <c r="A16" s="53" t="s">
        <v>447</v>
      </c>
      <c r="B16" s="53">
        <v>113</v>
      </c>
      <c r="C16" s="84">
        <v>4.03</v>
      </c>
      <c r="D16" s="85">
        <v>0.31359999999999999</v>
      </c>
      <c r="E16" s="188">
        <v>0.372</v>
      </c>
      <c r="F16" s="94">
        <v>8.9579668696391501E-2</v>
      </c>
      <c r="G16" s="188">
        <v>0.159</v>
      </c>
      <c r="H16" s="94">
        <v>6.9561244208429532E-2</v>
      </c>
      <c r="I16" s="188">
        <v>0.46899999999999997</v>
      </c>
      <c r="J16" s="94">
        <v>9.2284136882452669E-2</v>
      </c>
      <c r="K16" s="188">
        <v>0</v>
      </c>
      <c r="L16" s="94">
        <v>2.3967079753657358E-2</v>
      </c>
      <c r="M16" s="53">
        <v>113</v>
      </c>
      <c r="N16" s="84">
        <v>5.26</v>
      </c>
      <c r="O16" s="85">
        <v>0.29399999999999998</v>
      </c>
      <c r="P16" s="188">
        <v>0.111</v>
      </c>
      <c r="Q16" s="94">
        <v>6.1002695128088438E-2</v>
      </c>
      <c r="R16" s="188">
        <v>6.0999999999999999E-2</v>
      </c>
      <c r="S16" s="94">
        <v>4.9000696939120562E-2</v>
      </c>
      <c r="T16" s="188">
        <v>0.81299999999999994</v>
      </c>
      <c r="U16" s="94">
        <v>7.363927481256094E-2</v>
      </c>
      <c r="V16" s="188">
        <v>1.4999999999999999E-2</v>
      </c>
      <c r="W16" s="94">
        <v>3.2335751748676166E-2</v>
      </c>
    </row>
    <row r="17" spans="1:23">
      <c r="A17" s="49" t="s">
        <v>442</v>
      </c>
      <c r="B17" s="49">
        <v>79</v>
      </c>
      <c r="C17" s="170">
        <v>3.57</v>
      </c>
      <c r="D17" s="130">
        <v>0.3528</v>
      </c>
      <c r="E17" s="189">
        <v>0.497</v>
      </c>
      <c r="F17" s="97">
        <v>0.10976247006401495</v>
      </c>
      <c r="G17" s="189">
        <v>0.24199999999999999</v>
      </c>
      <c r="H17" s="97">
        <v>9.5613985331925486E-2</v>
      </c>
      <c r="I17" s="189">
        <v>0.26100000000000001</v>
      </c>
      <c r="J17" s="97">
        <v>9.774616069616944E-2</v>
      </c>
      <c r="K17" s="189">
        <v>0</v>
      </c>
      <c r="L17" s="97">
        <v>3.3664360151118053E-2</v>
      </c>
      <c r="M17" s="49">
        <v>79</v>
      </c>
      <c r="N17" s="170">
        <v>5.2</v>
      </c>
      <c r="O17" s="130">
        <v>0.3528</v>
      </c>
      <c r="P17" s="189">
        <v>0.14399999999999999</v>
      </c>
      <c r="Q17" s="97">
        <v>8.0715226983205934E-2</v>
      </c>
      <c r="R17" s="189">
        <v>7.9000000000000001E-2</v>
      </c>
      <c r="S17" s="97">
        <v>6.5649973619830881E-2</v>
      </c>
      <c r="T17" s="189">
        <v>0.76700000000000002</v>
      </c>
      <c r="U17" s="97">
        <v>9.4529056445671916E-2</v>
      </c>
      <c r="V17" s="189">
        <v>8.9999999999999993E-3</v>
      </c>
      <c r="W17" s="97">
        <v>3.9021650992370115E-2</v>
      </c>
    </row>
    <row r="18" spans="1:23">
      <c r="A18" s="45" t="s">
        <v>448</v>
      </c>
      <c r="B18" s="186">
        <v>290</v>
      </c>
      <c r="C18" s="84">
        <v>4.51</v>
      </c>
      <c r="D18" s="85">
        <v>0.19600000000000001</v>
      </c>
      <c r="E18" s="188">
        <v>0.28899999999999998</v>
      </c>
      <c r="F18" s="94">
        <v>5.3028321862420083E-2</v>
      </c>
      <c r="G18" s="188">
        <v>0.16900000000000001</v>
      </c>
      <c r="H18" s="94">
        <v>4.4170352213348266E-2</v>
      </c>
      <c r="I18" s="188">
        <v>0.53300000000000003</v>
      </c>
      <c r="J18" s="94">
        <v>5.8197462491189705E-2</v>
      </c>
      <c r="K18" s="188">
        <v>8.9999999999999993E-3</v>
      </c>
      <c r="L18" s="94">
        <v>1.4491095635838672E-2</v>
      </c>
      <c r="M18" s="186">
        <v>292</v>
      </c>
      <c r="N18" s="84">
        <v>5.35</v>
      </c>
      <c r="O18" s="85">
        <v>0.1764</v>
      </c>
      <c r="P18" s="188">
        <v>7.4999999999999997E-2</v>
      </c>
      <c r="Q18" s="94">
        <v>3.1842847227189462E-2</v>
      </c>
      <c r="R18" s="188">
        <v>0.127</v>
      </c>
      <c r="S18" s="94">
        <v>3.9561386012904369E-2</v>
      </c>
      <c r="T18" s="188">
        <v>0.68899999999999995</v>
      </c>
      <c r="U18" s="94">
        <v>5.420825220220974E-2</v>
      </c>
      <c r="V18" s="188">
        <v>0.109</v>
      </c>
      <c r="W18" s="94">
        <v>3.7181362032676378E-2</v>
      </c>
    </row>
    <row r="19" spans="1:23" ht="25.5">
      <c r="A19" s="49" t="s">
        <v>443</v>
      </c>
      <c r="B19" s="187">
        <v>126</v>
      </c>
      <c r="C19" s="170">
        <v>4.6399999999999997</v>
      </c>
      <c r="D19" s="130">
        <v>0.25480000000000003</v>
      </c>
      <c r="E19" s="189">
        <v>0.20799999999999999</v>
      </c>
      <c r="F19" s="97">
        <v>7.2303269863499456E-2</v>
      </c>
      <c r="G19" s="189">
        <v>0.27300000000000002</v>
      </c>
      <c r="H19" s="97">
        <v>7.8758292463527904E-2</v>
      </c>
      <c r="I19" s="189">
        <v>0.50700000000000001</v>
      </c>
      <c r="J19" s="97">
        <v>8.7697727186421923E-2</v>
      </c>
      <c r="K19" s="189">
        <v>1.0999999999999999E-2</v>
      </c>
      <c r="L19" s="97">
        <v>2.7938257043799739E-2</v>
      </c>
      <c r="M19" s="187">
        <v>127</v>
      </c>
      <c r="N19" s="170">
        <v>5.55</v>
      </c>
      <c r="O19" s="130">
        <v>0.21559999999999999</v>
      </c>
      <c r="P19" s="189">
        <v>2.1000000000000001E-2</v>
      </c>
      <c r="Q19" s="97">
        <v>3.2739183614645513E-2</v>
      </c>
      <c r="R19" s="189">
        <v>0.13300000000000001</v>
      </c>
      <c r="S19" s="97">
        <v>6.1891203700609521E-2</v>
      </c>
      <c r="T19" s="189">
        <v>0.77600000000000002</v>
      </c>
      <c r="U19" s="97">
        <v>7.4391558092155322E-2</v>
      </c>
      <c r="V19" s="189">
        <v>7.0000000000000007E-2</v>
      </c>
      <c r="W19" s="97">
        <v>4.86687550435074E-2</v>
      </c>
    </row>
    <row r="20" spans="1:23" ht="25.5">
      <c r="A20" s="53" t="s">
        <v>444</v>
      </c>
      <c r="B20" s="54">
        <v>81</v>
      </c>
      <c r="C20" s="84">
        <v>3.53</v>
      </c>
      <c r="D20" s="85">
        <v>0.39200000000000002</v>
      </c>
      <c r="E20" s="188">
        <v>0.53800000000000003</v>
      </c>
      <c r="F20" s="94">
        <v>0.10818039576600164</v>
      </c>
      <c r="G20" s="188">
        <v>0.10100000000000001</v>
      </c>
      <c r="H20" s="94">
        <v>7.0437312198331506E-2</v>
      </c>
      <c r="I20" s="188">
        <v>0.34599999999999997</v>
      </c>
      <c r="J20" s="94">
        <v>0.10368812383206849</v>
      </c>
      <c r="K20" s="188">
        <v>1.4999999999999999E-2</v>
      </c>
      <c r="L20" s="94">
        <v>4.1383662610263217E-2</v>
      </c>
      <c r="M20" s="54">
        <v>81</v>
      </c>
      <c r="N20" s="84">
        <v>5.09</v>
      </c>
      <c r="O20" s="85">
        <v>0.3528</v>
      </c>
      <c r="P20" s="188">
        <v>0.11700000000000001</v>
      </c>
      <c r="Q20" s="94">
        <v>7.4135702573672288E-2</v>
      </c>
      <c r="R20" s="188">
        <v>0.16800000000000001</v>
      </c>
      <c r="S20" s="94">
        <v>8.3990455720560089E-2</v>
      </c>
      <c r="T20" s="188">
        <v>0.57999999999999996</v>
      </c>
      <c r="U20" s="94">
        <v>0.10719705437805448</v>
      </c>
      <c r="V20" s="188">
        <v>0.13500000000000001</v>
      </c>
      <c r="W20" s="94">
        <v>7.7919654663911417E-2</v>
      </c>
    </row>
    <row r="21" spans="1:23">
      <c r="A21" s="49" t="s">
        <v>445</v>
      </c>
      <c r="B21" s="187">
        <v>83</v>
      </c>
      <c r="C21" s="170">
        <v>5.08</v>
      </c>
      <c r="D21" s="130">
        <v>0.37240000000000001</v>
      </c>
      <c r="E21" s="189">
        <v>0.21099999999999999</v>
      </c>
      <c r="F21" s="97">
        <v>8.9438230946047872E-2</v>
      </c>
      <c r="G21" s="189">
        <v>7.6999999999999999E-2</v>
      </c>
      <c r="H21" s="97">
        <v>6.3298601224872547E-2</v>
      </c>
      <c r="I21" s="189">
        <v>0.71199999999999997</v>
      </c>
      <c r="J21" s="97">
        <v>9.8048492608392351E-2</v>
      </c>
      <c r="K21" s="189">
        <v>0</v>
      </c>
      <c r="L21" s="97">
        <v>3.2134798233390625E-2</v>
      </c>
      <c r="M21" s="187">
        <v>84</v>
      </c>
      <c r="N21" s="170">
        <v>5.25</v>
      </c>
      <c r="O21" s="130">
        <v>0.3528</v>
      </c>
      <c r="P21" s="189">
        <v>0.11799999999999999</v>
      </c>
      <c r="Q21" s="97">
        <v>7.3402005112244748E-2</v>
      </c>
      <c r="R21" s="189">
        <v>8.8999999999999996E-2</v>
      </c>
      <c r="S21" s="97">
        <v>6.6524521742825402E-2</v>
      </c>
      <c r="T21" s="189">
        <v>0.64900000000000002</v>
      </c>
      <c r="U21" s="97">
        <v>0.10278725733682363</v>
      </c>
      <c r="V21" s="189">
        <v>0.14399999999999999</v>
      </c>
      <c r="W21" s="97">
        <v>7.8681660266202019E-2</v>
      </c>
    </row>
    <row r="22" spans="1:23">
      <c r="A22" s="57" t="s">
        <v>449</v>
      </c>
      <c r="B22" s="186">
        <v>108</v>
      </c>
      <c r="C22" s="84">
        <v>4.6100000000000003</v>
      </c>
      <c r="D22" s="85">
        <v>0.3332</v>
      </c>
      <c r="E22" s="188">
        <v>0.29399999999999998</v>
      </c>
      <c r="F22" s="94">
        <v>8.6714024097712464E-2</v>
      </c>
      <c r="G22" s="188">
        <v>0.112</v>
      </c>
      <c r="H22" s="94">
        <v>6.2683195073372056E-2</v>
      </c>
      <c r="I22" s="188">
        <v>0.59399999999999997</v>
      </c>
      <c r="J22" s="94">
        <v>9.2925444856343145E-2</v>
      </c>
      <c r="K22" s="188">
        <v>0</v>
      </c>
      <c r="L22" s="94">
        <v>2.5027317436669111E-2</v>
      </c>
      <c r="M22" s="186">
        <v>109</v>
      </c>
      <c r="N22" s="84">
        <v>5.25</v>
      </c>
      <c r="O22" s="85">
        <v>0.29399999999999998</v>
      </c>
      <c r="P22" s="188">
        <v>0.124</v>
      </c>
      <c r="Q22" s="94">
        <v>6.5383049010852318E-2</v>
      </c>
      <c r="R22" s="188">
        <v>0.14599999999999999</v>
      </c>
      <c r="S22" s="94">
        <v>6.9373788164942621E-2</v>
      </c>
      <c r="T22" s="188">
        <v>0.65200000000000002</v>
      </c>
      <c r="U22" s="94">
        <v>9.0748866499487865E-2</v>
      </c>
      <c r="V22" s="188">
        <v>7.8E-2</v>
      </c>
      <c r="W22" s="94">
        <v>5.5188333971526907E-2</v>
      </c>
    </row>
    <row r="23" spans="1:23">
      <c r="A23" s="49" t="s">
        <v>454</v>
      </c>
      <c r="B23" s="187">
        <v>81</v>
      </c>
      <c r="C23" s="170">
        <v>4.42</v>
      </c>
      <c r="D23" s="130">
        <v>0.41159999999999997</v>
      </c>
      <c r="E23" s="189">
        <v>0.25800000000000001</v>
      </c>
      <c r="F23" s="97">
        <v>9.6239459677530392E-2</v>
      </c>
      <c r="G23" s="189">
        <v>0.33600000000000002</v>
      </c>
      <c r="H23" s="97">
        <v>0.10303073811113665</v>
      </c>
      <c r="I23" s="189">
        <v>0.40600000000000003</v>
      </c>
      <c r="J23" s="97">
        <v>0.10671039552798528</v>
      </c>
      <c r="K23" s="189">
        <v>0</v>
      </c>
      <c r="L23" s="97">
        <v>3.2881805121991139E-2</v>
      </c>
      <c r="M23" s="187">
        <v>84</v>
      </c>
      <c r="N23" s="170">
        <v>5.24</v>
      </c>
      <c r="O23" s="130">
        <v>0.3528</v>
      </c>
      <c r="P23" s="189">
        <v>5.2999999999999999E-2</v>
      </c>
      <c r="Q23" s="97">
        <v>5.5572485847951873E-2</v>
      </c>
      <c r="R23" s="189">
        <v>0.27900000000000003</v>
      </c>
      <c r="S23" s="97">
        <v>9.6647950585445119E-2</v>
      </c>
      <c r="T23" s="189">
        <v>0.59699999999999998</v>
      </c>
      <c r="U23" s="97">
        <v>0.10475662781238995</v>
      </c>
      <c r="V23" s="189">
        <v>7.0999999999999994E-2</v>
      </c>
      <c r="W23" s="97">
        <v>6.1166594418254748E-2</v>
      </c>
    </row>
    <row r="32" spans="1:23" ht="18.75">
      <c r="A32" s="316" t="s">
        <v>49</v>
      </c>
      <c r="B32" s="316"/>
      <c r="C32" s="316"/>
      <c r="D32" s="316"/>
      <c r="E32" s="316"/>
      <c r="F32" s="316"/>
      <c r="G32" s="316"/>
      <c r="H32" s="316"/>
      <c r="I32" s="316"/>
      <c r="J32" s="316"/>
      <c r="K32" s="316"/>
      <c r="L32" s="316"/>
      <c r="M32" s="316"/>
      <c r="N32" s="316"/>
      <c r="O32" s="316"/>
      <c r="P32" s="316"/>
      <c r="Q32" s="316"/>
      <c r="R32" s="316"/>
      <c r="S32" s="316"/>
      <c r="T32" s="316"/>
      <c r="U32" s="316"/>
      <c r="V32" s="316"/>
      <c r="W32" s="316"/>
    </row>
    <row r="33" spans="1:23" ht="56.25" customHeight="1">
      <c r="A33" s="386" t="s">
        <v>487</v>
      </c>
      <c r="B33" s="386"/>
      <c r="C33" s="386"/>
      <c r="D33" s="386"/>
      <c r="E33" s="386"/>
      <c r="F33" s="386"/>
      <c r="G33" s="386"/>
      <c r="H33" s="386"/>
      <c r="I33" s="386"/>
      <c r="J33" s="386"/>
      <c r="K33" s="386"/>
      <c r="L33" s="386"/>
      <c r="M33" s="386"/>
      <c r="N33" s="386"/>
      <c r="O33" s="386"/>
      <c r="P33" s="386"/>
      <c r="Q33" s="386"/>
      <c r="R33" s="386"/>
      <c r="S33" s="386"/>
      <c r="T33" s="386"/>
      <c r="U33" s="386"/>
      <c r="V33" s="386"/>
      <c r="W33" s="386"/>
    </row>
    <row r="34" spans="1:23" ht="36" customHeight="1">
      <c r="A34" s="64"/>
      <c r="B34" s="376" t="s">
        <v>164</v>
      </c>
      <c r="C34" s="377"/>
      <c r="D34" s="377"/>
      <c r="E34" s="377"/>
      <c r="F34" s="377"/>
      <c r="G34" s="377"/>
      <c r="H34" s="377"/>
      <c r="I34" s="377"/>
      <c r="J34" s="377"/>
      <c r="K34" s="377"/>
      <c r="L34" s="378"/>
      <c r="M34" s="379" t="s">
        <v>165</v>
      </c>
      <c r="N34" s="380"/>
      <c r="O34" s="380"/>
      <c r="P34" s="380"/>
      <c r="Q34" s="380"/>
      <c r="R34" s="380"/>
      <c r="S34" s="380"/>
      <c r="T34" s="380"/>
      <c r="U34" s="380"/>
      <c r="V34" s="380"/>
      <c r="W34" s="380"/>
    </row>
    <row r="35" spans="1:23" ht="41.25" customHeight="1">
      <c r="A35" s="37" t="s">
        <v>85</v>
      </c>
      <c r="B35" s="38" t="s">
        <v>86</v>
      </c>
      <c r="C35" s="39" t="s">
        <v>87</v>
      </c>
      <c r="D35" s="40" t="s">
        <v>88</v>
      </c>
      <c r="E35" s="38" t="s">
        <v>368</v>
      </c>
      <c r="F35" s="89" t="s">
        <v>162</v>
      </c>
      <c r="G35" s="38" t="s">
        <v>369</v>
      </c>
      <c r="H35" s="89" t="s">
        <v>163</v>
      </c>
      <c r="I35" s="38" t="s">
        <v>370</v>
      </c>
      <c r="J35" s="89" t="s">
        <v>136</v>
      </c>
      <c r="K35" s="38" t="s">
        <v>357</v>
      </c>
      <c r="L35" s="89" t="s">
        <v>371</v>
      </c>
      <c r="M35" s="65" t="s">
        <v>86</v>
      </c>
      <c r="N35" s="66" t="s">
        <v>87</v>
      </c>
      <c r="O35" s="67" t="s">
        <v>88</v>
      </c>
      <c r="P35" s="65" t="s">
        <v>368</v>
      </c>
      <c r="Q35" s="88" t="s">
        <v>162</v>
      </c>
      <c r="R35" s="65" t="s">
        <v>372</v>
      </c>
      <c r="S35" s="88" t="s">
        <v>373</v>
      </c>
      <c r="T35" s="65" t="s">
        <v>370</v>
      </c>
      <c r="U35" s="88" t="s">
        <v>136</v>
      </c>
      <c r="V35" s="65" t="s">
        <v>357</v>
      </c>
      <c r="W35" s="88" t="s">
        <v>371</v>
      </c>
    </row>
    <row r="36" spans="1:23" ht="72">
      <c r="A36" s="41"/>
      <c r="B36" s="42" t="s">
        <v>89</v>
      </c>
      <c r="C36" s="126" t="s">
        <v>360</v>
      </c>
      <c r="D36" s="44" t="s">
        <v>91</v>
      </c>
      <c r="E36" s="42" t="s">
        <v>181</v>
      </c>
      <c r="F36" s="91" t="s">
        <v>104</v>
      </c>
      <c r="G36" s="42" t="s">
        <v>182</v>
      </c>
      <c r="H36" s="91" t="s">
        <v>104</v>
      </c>
      <c r="I36" s="42" t="s">
        <v>183</v>
      </c>
      <c r="J36" s="91" t="s">
        <v>104</v>
      </c>
      <c r="K36" s="42" t="s">
        <v>357</v>
      </c>
      <c r="L36" s="91" t="s">
        <v>104</v>
      </c>
      <c r="M36" s="68" t="s">
        <v>89</v>
      </c>
      <c r="N36" s="272" t="s">
        <v>360</v>
      </c>
      <c r="O36" s="70" t="s">
        <v>91</v>
      </c>
      <c r="P36" s="68" t="s">
        <v>181</v>
      </c>
      <c r="Q36" s="90" t="s">
        <v>104</v>
      </c>
      <c r="R36" s="68" t="s">
        <v>182</v>
      </c>
      <c r="S36" s="90" t="s">
        <v>104</v>
      </c>
      <c r="T36" s="68" t="s">
        <v>183</v>
      </c>
      <c r="U36" s="90" t="s">
        <v>104</v>
      </c>
      <c r="V36" s="68" t="s">
        <v>357</v>
      </c>
      <c r="W36" s="90" t="s">
        <v>104</v>
      </c>
    </row>
    <row r="37" spans="1:23">
      <c r="A37" s="45" t="s">
        <v>436</v>
      </c>
      <c r="B37" s="186">
        <v>10997</v>
      </c>
      <c r="C37" s="84">
        <v>4.3899999999999997</v>
      </c>
      <c r="D37" s="85">
        <v>3.9199999999999999E-2</v>
      </c>
      <c r="E37" s="188">
        <v>0.26700000000000002</v>
      </c>
      <c r="F37" s="94">
        <v>8.4365585026298495E-3</v>
      </c>
      <c r="G37" s="188">
        <v>0.224</v>
      </c>
      <c r="H37" s="94">
        <v>7.9512967459353778E-3</v>
      </c>
      <c r="I37" s="188">
        <v>0.504</v>
      </c>
      <c r="J37" s="94">
        <v>9.5338876527077572E-3</v>
      </c>
      <c r="K37" s="188">
        <v>6.0000000000000001E-3</v>
      </c>
      <c r="L37" s="94">
        <v>1.4943376847884457E-3</v>
      </c>
      <c r="M37" s="186">
        <v>10977</v>
      </c>
      <c r="N37" s="84">
        <v>3.88</v>
      </c>
      <c r="O37" s="85">
        <v>3.9199999999999999E-2</v>
      </c>
      <c r="P37" s="188">
        <v>0.41699999999999998</v>
      </c>
      <c r="Q37" s="94">
        <v>9.4105679895937332E-3</v>
      </c>
      <c r="R37" s="188">
        <v>0.15</v>
      </c>
      <c r="S37" s="94">
        <v>6.8173572997118521E-3</v>
      </c>
      <c r="T37" s="188">
        <v>0.40899999999999997</v>
      </c>
      <c r="U37" s="94">
        <v>9.383608132361736E-3</v>
      </c>
      <c r="V37" s="188">
        <v>2.5000000000000001E-2</v>
      </c>
      <c r="W37" s="94">
        <v>2.9897889479471949E-3</v>
      </c>
    </row>
    <row r="38" spans="1:23">
      <c r="A38" s="49" t="s">
        <v>437</v>
      </c>
      <c r="B38" s="49">
        <v>8852</v>
      </c>
      <c r="C38" s="170">
        <v>4.1399999999999997</v>
      </c>
      <c r="D38" s="130">
        <v>3.9199999999999999E-2</v>
      </c>
      <c r="E38" s="189">
        <v>0.32900000000000001</v>
      </c>
      <c r="F38" s="97">
        <v>9.9861106946665928E-3</v>
      </c>
      <c r="G38" s="189">
        <v>0.24099999999999999</v>
      </c>
      <c r="H38" s="97">
        <v>9.0910178186695816E-3</v>
      </c>
      <c r="I38" s="189">
        <v>0.42899999999999999</v>
      </c>
      <c r="J38" s="97">
        <v>1.0518696579988291E-2</v>
      </c>
      <c r="K38" s="189">
        <v>1E-3</v>
      </c>
      <c r="L38" s="97">
        <v>7.4350009514959753E-4</v>
      </c>
      <c r="M38" s="49">
        <v>8830</v>
      </c>
      <c r="N38" s="170">
        <v>3.23</v>
      </c>
      <c r="O38" s="130">
        <v>3.9199999999999999E-2</v>
      </c>
      <c r="P38" s="189">
        <v>0.55700000000000005</v>
      </c>
      <c r="Q38" s="97">
        <v>1.0570203476782556E-2</v>
      </c>
      <c r="R38" s="189">
        <v>0.15</v>
      </c>
      <c r="S38" s="97">
        <v>7.6014282557568319E-3</v>
      </c>
      <c r="T38" s="189">
        <v>0.26300000000000001</v>
      </c>
      <c r="U38" s="97">
        <v>9.3695747639774892E-3</v>
      </c>
      <c r="V38" s="189">
        <v>0.03</v>
      </c>
      <c r="W38" s="97">
        <v>3.6423787895321488E-3</v>
      </c>
    </row>
    <row r="39" spans="1:23">
      <c r="A39" s="53" t="s">
        <v>438</v>
      </c>
      <c r="B39" s="53">
        <v>1980</v>
      </c>
      <c r="C39" s="84">
        <v>4.99</v>
      </c>
      <c r="D39" s="85">
        <v>5.8799999999999998E-2</v>
      </c>
      <c r="E39" s="188">
        <v>0.13</v>
      </c>
      <c r="F39" s="94">
        <v>1.51372390937506E-2</v>
      </c>
      <c r="G39" s="188">
        <v>0.1817</v>
      </c>
      <c r="H39" s="94">
        <v>1.7337565612587019E-2</v>
      </c>
      <c r="I39" s="188">
        <v>0.67730000000000001</v>
      </c>
      <c r="J39" s="94">
        <v>2.0997855949697764E-2</v>
      </c>
      <c r="K39" s="188">
        <v>1.0999999999999999E-2</v>
      </c>
      <c r="L39" s="94">
        <v>4.8862516158485131E-3</v>
      </c>
      <c r="M39" s="53">
        <v>1983</v>
      </c>
      <c r="N39" s="84">
        <v>5.2</v>
      </c>
      <c r="O39" s="85">
        <v>7.8399999999999997E-2</v>
      </c>
      <c r="P39" s="188">
        <v>0.1368</v>
      </c>
      <c r="Q39" s="94">
        <v>1.5452662235919977E-2</v>
      </c>
      <c r="R39" s="188">
        <v>0.14319999999999999</v>
      </c>
      <c r="S39" s="94">
        <v>1.5748769975711965E-2</v>
      </c>
      <c r="T39" s="188">
        <v>0.70199999999999996</v>
      </c>
      <c r="U39" s="94">
        <v>2.0529484289342082E-2</v>
      </c>
      <c r="V39" s="188">
        <v>1.7999999999999999E-2</v>
      </c>
      <c r="W39" s="94">
        <v>6.120815910818438E-3</v>
      </c>
    </row>
    <row r="40" spans="1:23">
      <c r="A40" s="49" t="s">
        <v>439</v>
      </c>
      <c r="B40" s="49">
        <v>901</v>
      </c>
      <c r="C40" s="170">
        <v>4.2300000000000004</v>
      </c>
      <c r="D40" s="130">
        <v>9.8000000000000004E-2</v>
      </c>
      <c r="E40" s="189">
        <v>0.28499999999999998</v>
      </c>
      <c r="F40" s="97">
        <v>3.0041055940684687E-2</v>
      </c>
      <c r="G40" s="189">
        <v>0.248</v>
      </c>
      <c r="H40" s="97">
        <v>2.8753562988324419E-2</v>
      </c>
      <c r="I40" s="189">
        <v>0.46100000000000002</v>
      </c>
      <c r="J40" s="97">
        <v>3.3140745603931127E-2</v>
      </c>
      <c r="K40" s="189">
        <v>6.0000000000000001E-3</v>
      </c>
      <c r="L40" s="97">
        <v>5.9894776842169938E-3</v>
      </c>
      <c r="M40" s="49">
        <v>904</v>
      </c>
      <c r="N40" s="170">
        <v>3.3</v>
      </c>
      <c r="O40" s="130">
        <v>0.1176</v>
      </c>
      <c r="P40" s="189">
        <v>0.54300000000000004</v>
      </c>
      <c r="Q40" s="97">
        <v>3.3064298250436178E-2</v>
      </c>
      <c r="R40" s="189">
        <v>0.13600000000000001</v>
      </c>
      <c r="S40" s="97">
        <v>2.2864164519128351E-2</v>
      </c>
      <c r="T40" s="189">
        <v>0.30099999999999999</v>
      </c>
      <c r="U40" s="97">
        <v>3.0469681541840623E-2</v>
      </c>
      <c r="V40" s="189">
        <v>0.02</v>
      </c>
      <c r="W40" s="97">
        <v>9.7604534898911525E-3</v>
      </c>
    </row>
    <row r="41" spans="1:23">
      <c r="A41" s="53" t="s">
        <v>440</v>
      </c>
      <c r="B41" s="53">
        <v>716</v>
      </c>
      <c r="C41" s="84">
        <v>4.08</v>
      </c>
      <c r="D41" s="85">
        <v>9.8000000000000004E-2</v>
      </c>
      <c r="E41" s="188">
        <v>0.32400000000000001</v>
      </c>
      <c r="F41" s="94">
        <v>3.4909981199937254E-2</v>
      </c>
      <c r="G41" s="188">
        <v>0.27500000000000002</v>
      </c>
      <c r="H41" s="94">
        <v>3.3327994364097779E-2</v>
      </c>
      <c r="I41" s="188">
        <v>0.40100000000000002</v>
      </c>
      <c r="J41" s="94">
        <v>3.6538229408844283E-2</v>
      </c>
      <c r="K41" s="188">
        <v>0</v>
      </c>
      <c r="L41" s="94">
        <v>3.9229111415397888E-3</v>
      </c>
      <c r="M41" s="53">
        <v>719</v>
      </c>
      <c r="N41" s="84">
        <v>2.58</v>
      </c>
      <c r="O41" s="85">
        <v>0.1176</v>
      </c>
      <c r="P41" s="188">
        <v>0.70599999999999996</v>
      </c>
      <c r="Q41" s="94">
        <v>3.3925494456934137E-2</v>
      </c>
      <c r="R41" s="188">
        <v>0.14099999999999999</v>
      </c>
      <c r="S41" s="94">
        <v>2.6037649545591752E-2</v>
      </c>
      <c r="T41" s="188">
        <v>0.13400000000000001</v>
      </c>
      <c r="U41" s="94">
        <v>2.5498854025886978E-2</v>
      </c>
      <c r="V41" s="188">
        <v>1.9E-2</v>
      </c>
      <c r="W41" s="94">
        <v>1.0827946381890064E-2</v>
      </c>
    </row>
    <row r="42" spans="1:23" ht="25.5">
      <c r="A42" s="49" t="s">
        <v>453</v>
      </c>
      <c r="B42" s="49">
        <v>136</v>
      </c>
      <c r="C42" s="170">
        <v>4.4800000000000004</v>
      </c>
      <c r="D42" s="130">
        <v>0.21559999999999999</v>
      </c>
      <c r="E42" s="189">
        <v>0.21199999999999999</v>
      </c>
      <c r="F42" s="97">
        <v>7.0046504502386961E-2</v>
      </c>
      <c r="G42" s="189">
        <v>0.24099999999999999</v>
      </c>
      <c r="H42" s="97">
        <v>7.3035693817670902E-2</v>
      </c>
      <c r="I42" s="189">
        <v>0.54700000000000004</v>
      </c>
      <c r="J42" s="97">
        <v>8.4162330444737643E-2</v>
      </c>
      <c r="K42" s="189">
        <v>0</v>
      </c>
      <c r="L42" s="97">
        <v>2.0058224286213251E-2</v>
      </c>
      <c r="M42" s="49">
        <v>136</v>
      </c>
      <c r="N42" s="170">
        <v>3.25</v>
      </c>
      <c r="O42" s="130">
        <v>0.29399999999999998</v>
      </c>
      <c r="P42" s="189">
        <v>0.56000000000000005</v>
      </c>
      <c r="Q42" s="97">
        <v>8.3939225550429222E-2</v>
      </c>
      <c r="R42" s="189">
        <v>0.12</v>
      </c>
      <c r="S42" s="97">
        <v>5.7004649188943518E-2</v>
      </c>
      <c r="T42" s="189">
        <v>0.30399999999999999</v>
      </c>
      <c r="U42" s="97">
        <v>7.8147815982643712E-2</v>
      </c>
      <c r="V42" s="189">
        <v>1.6E-2</v>
      </c>
      <c r="W42" s="97">
        <v>2.875454138298458E-2</v>
      </c>
    </row>
    <row r="43" spans="1:23">
      <c r="A43" s="53" t="s">
        <v>441</v>
      </c>
      <c r="B43" s="53">
        <v>79</v>
      </c>
      <c r="C43" s="84">
        <v>4.3600000000000003</v>
      </c>
      <c r="D43" s="85">
        <v>0.29399999999999998</v>
      </c>
      <c r="E43" s="188">
        <v>0.26</v>
      </c>
      <c r="F43" s="94">
        <v>9.7639126253221992E-2</v>
      </c>
      <c r="G43" s="188">
        <v>0.218</v>
      </c>
      <c r="H43" s="94">
        <v>9.2607805216652919E-2</v>
      </c>
      <c r="I43" s="188">
        <v>0.52200000000000002</v>
      </c>
      <c r="J43" s="94">
        <v>0.10966796030593004</v>
      </c>
      <c r="K43" s="188">
        <v>0</v>
      </c>
      <c r="L43" s="94">
        <v>3.3664360151118053E-2</v>
      </c>
      <c r="M43" s="53">
        <v>79</v>
      </c>
      <c r="N43" s="84">
        <v>2.62</v>
      </c>
      <c r="O43" s="85">
        <v>0.3528</v>
      </c>
      <c r="P43" s="188">
        <v>0.69099999999999995</v>
      </c>
      <c r="Q43" s="94">
        <v>0.10225187711852406</v>
      </c>
      <c r="R43" s="188">
        <v>0.14799999999999999</v>
      </c>
      <c r="S43" s="94">
        <v>8.147755454868362E-2</v>
      </c>
      <c r="T43" s="188">
        <v>0.13</v>
      </c>
      <c r="U43" s="94">
        <v>7.7917851260820417E-2</v>
      </c>
      <c r="V43" s="188">
        <v>3.1E-2</v>
      </c>
      <c r="W43" s="94">
        <v>4.9444719683237846E-2</v>
      </c>
    </row>
    <row r="44" spans="1:23">
      <c r="A44" s="49" t="s">
        <v>446</v>
      </c>
      <c r="B44" s="49">
        <v>165</v>
      </c>
      <c r="C44" s="170">
        <v>4.5</v>
      </c>
      <c r="D44" s="130">
        <v>0.21559999999999999</v>
      </c>
      <c r="E44" s="189">
        <v>0.21099999999999999</v>
      </c>
      <c r="F44" s="97">
        <v>6.3504343226915144E-2</v>
      </c>
      <c r="G44" s="189">
        <v>0.187</v>
      </c>
      <c r="H44" s="97">
        <v>6.0883768034657788E-2</v>
      </c>
      <c r="I44" s="189">
        <v>0.57999999999999996</v>
      </c>
      <c r="J44" s="97">
        <v>7.5978722227160733E-2</v>
      </c>
      <c r="K44" s="189">
        <v>2.1999999999999999E-2</v>
      </c>
      <c r="L44" s="97">
        <v>2.7608339744945164E-2</v>
      </c>
      <c r="M44" s="49">
        <v>165</v>
      </c>
      <c r="N44" s="170">
        <v>4.87</v>
      </c>
      <c r="O44" s="130">
        <v>0.31359999999999999</v>
      </c>
      <c r="P44" s="189">
        <v>0.20100000000000001</v>
      </c>
      <c r="Q44" s="97">
        <v>6.2451101280270933E-2</v>
      </c>
      <c r="R44" s="189">
        <v>0.127</v>
      </c>
      <c r="S44" s="97">
        <v>5.2708654954909652E-2</v>
      </c>
      <c r="T44" s="189">
        <v>0.65</v>
      </c>
      <c r="U44" s="97">
        <v>7.3549481658472568E-2</v>
      </c>
      <c r="V44" s="189">
        <v>2.1999999999999999E-2</v>
      </c>
      <c r="W44" s="97">
        <v>2.7608339744945164E-2</v>
      </c>
    </row>
    <row r="45" spans="1:23">
      <c r="A45" s="53" t="s">
        <v>447</v>
      </c>
      <c r="B45" s="53">
        <v>111</v>
      </c>
      <c r="C45" s="84">
        <v>3.79</v>
      </c>
      <c r="D45" s="85">
        <v>0.25480000000000003</v>
      </c>
      <c r="E45" s="188">
        <v>0.35799999999999998</v>
      </c>
      <c r="F45" s="94">
        <v>8.9678521112971171E-2</v>
      </c>
      <c r="G45" s="188">
        <v>0.39800000000000002</v>
      </c>
      <c r="H45" s="94">
        <v>9.1424888524961279E-2</v>
      </c>
      <c r="I45" s="188">
        <v>0.24399999999999999</v>
      </c>
      <c r="J45" s="94">
        <v>8.106760220881648E-2</v>
      </c>
      <c r="K45" s="188">
        <v>0</v>
      </c>
      <c r="L45" s="94">
        <v>2.4380210707016403E-2</v>
      </c>
      <c r="M45" s="53">
        <v>111</v>
      </c>
      <c r="N45" s="84">
        <v>2.61</v>
      </c>
      <c r="O45" s="85">
        <v>0.31359999999999999</v>
      </c>
      <c r="P45" s="188">
        <v>0.65700000000000003</v>
      </c>
      <c r="Q45" s="94">
        <v>8.8864506916222205E-2</v>
      </c>
      <c r="R45" s="188">
        <v>0.185</v>
      </c>
      <c r="S45" s="94">
        <v>7.4028798938282098E-2</v>
      </c>
      <c r="T45" s="188">
        <v>0.14000000000000001</v>
      </c>
      <c r="U45" s="94">
        <v>6.7051922314125795E-2</v>
      </c>
      <c r="V45" s="188">
        <v>1.9E-2</v>
      </c>
      <c r="W45" s="94">
        <v>3.461779929852847E-2</v>
      </c>
    </row>
    <row r="46" spans="1:23">
      <c r="A46" s="49" t="s">
        <v>442</v>
      </c>
      <c r="B46" s="49">
        <v>78</v>
      </c>
      <c r="C46" s="170">
        <v>3.94</v>
      </c>
      <c r="D46" s="130">
        <v>0.31359999999999999</v>
      </c>
      <c r="E46" s="189">
        <v>0.32600000000000001</v>
      </c>
      <c r="F46" s="97">
        <v>0.10420563939280855</v>
      </c>
      <c r="G46" s="189">
        <v>0.311</v>
      </c>
      <c r="H46" s="97">
        <v>0.10304604138019463</v>
      </c>
      <c r="I46" s="189">
        <v>0.36299999999999999</v>
      </c>
      <c r="J46" s="97">
        <v>0.1066147522030958</v>
      </c>
      <c r="K46" s="189">
        <v>0</v>
      </c>
      <c r="L46" s="97">
        <v>3.406977052534528E-2</v>
      </c>
      <c r="M46" s="49">
        <v>77</v>
      </c>
      <c r="N46" s="170">
        <v>2.89</v>
      </c>
      <c r="O46" s="130">
        <v>0.39200000000000002</v>
      </c>
      <c r="P46" s="189">
        <v>0.60699999999999998</v>
      </c>
      <c r="Q46" s="97">
        <v>0.10878767298040935</v>
      </c>
      <c r="R46" s="189">
        <v>0.159</v>
      </c>
      <c r="S46" s="97">
        <v>8.4596347071627637E-2</v>
      </c>
      <c r="T46" s="189">
        <v>0.20499999999999999</v>
      </c>
      <c r="U46" s="97">
        <v>9.1989757342336595E-2</v>
      </c>
      <c r="V46" s="189">
        <v>2.9000000000000001E-2</v>
      </c>
      <c r="W46" s="97">
        <v>4.9455419047183126E-2</v>
      </c>
    </row>
    <row r="47" spans="1:23">
      <c r="A47" s="45" t="s">
        <v>448</v>
      </c>
      <c r="B47" s="186">
        <v>290</v>
      </c>
      <c r="C47" s="84">
        <v>4.4400000000000004</v>
      </c>
      <c r="D47" s="85">
        <v>0.1764</v>
      </c>
      <c r="E47" s="188">
        <v>0.248</v>
      </c>
      <c r="F47" s="94">
        <v>5.0603466432036254E-2</v>
      </c>
      <c r="G47" s="188">
        <v>0.24099999999999999</v>
      </c>
      <c r="H47" s="94">
        <v>5.0133416028812591E-2</v>
      </c>
      <c r="I47" s="188">
        <v>0.51200000000000001</v>
      </c>
      <c r="J47" s="94">
        <v>5.8304839498997868E-2</v>
      </c>
      <c r="K47" s="188">
        <v>0</v>
      </c>
      <c r="L47" s="94">
        <v>9.5877217926457672E-3</v>
      </c>
      <c r="M47" s="186">
        <v>290</v>
      </c>
      <c r="N47" s="84">
        <v>2.5499999999999998</v>
      </c>
      <c r="O47" s="85">
        <v>0.19600000000000001</v>
      </c>
      <c r="P47" s="188">
        <v>0.72599999999999998</v>
      </c>
      <c r="Q47" s="94">
        <v>5.2203730748707537E-2</v>
      </c>
      <c r="R47" s="188">
        <v>0.13800000000000001</v>
      </c>
      <c r="S47" s="94">
        <v>4.0824423433706875E-2</v>
      </c>
      <c r="T47" s="188">
        <v>0.11700000000000001</v>
      </c>
      <c r="U47" s="94">
        <v>3.8203782998068515E-2</v>
      </c>
      <c r="V47" s="188">
        <v>0.02</v>
      </c>
      <c r="W47" s="94">
        <v>1.8745244787963276E-2</v>
      </c>
    </row>
    <row r="48" spans="1:23" ht="25.5">
      <c r="A48" s="49" t="s">
        <v>443</v>
      </c>
      <c r="B48" s="187">
        <v>126</v>
      </c>
      <c r="C48" s="170">
        <v>4.63</v>
      </c>
      <c r="D48" s="130">
        <v>0.21559999999999999</v>
      </c>
      <c r="E48" s="189">
        <v>0.182</v>
      </c>
      <c r="F48" s="97">
        <v>6.9060347453154897E-2</v>
      </c>
      <c r="G48" s="189">
        <v>0.30399999999999999</v>
      </c>
      <c r="H48" s="97">
        <v>8.112889864728498E-2</v>
      </c>
      <c r="I48" s="189">
        <v>0.51300000000000001</v>
      </c>
      <c r="J48" s="97">
        <v>8.7677949161866053E-2</v>
      </c>
      <c r="K48" s="189">
        <v>0</v>
      </c>
      <c r="L48" s="97">
        <v>2.158912047524995E-2</v>
      </c>
      <c r="M48" s="187">
        <v>127</v>
      </c>
      <c r="N48" s="170">
        <v>2.3199999999999998</v>
      </c>
      <c r="O48" s="130">
        <v>0.27440000000000003</v>
      </c>
      <c r="P48" s="189">
        <v>0.76700000000000002</v>
      </c>
      <c r="Q48" s="97">
        <v>7.4751100614491833E-2</v>
      </c>
      <c r="R48" s="189">
        <v>0.13500000000000001</v>
      </c>
      <c r="S48" s="97">
        <v>6.172746453128037E-2</v>
      </c>
      <c r="T48" s="189">
        <v>7.0000000000000007E-2</v>
      </c>
      <c r="U48" s="97">
        <v>4.8242141207756349E-2</v>
      </c>
      <c r="V48" s="189">
        <v>2.9000000000000001E-2</v>
      </c>
      <c r="W48" s="97">
        <v>3.559728494779095E-2</v>
      </c>
    </row>
    <row r="49" spans="1:23" ht="25.5">
      <c r="A49" s="53" t="s">
        <v>444</v>
      </c>
      <c r="B49" s="54">
        <v>80</v>
      </c>
      <c r="C49" s="84">
        <v>4.2699999999999996</v>
      </c>
      <c r="D49" s="85">
        <v>0.3332</v>
      </c>
      <c r="E49" s="188">
        <v>0.26600000000000001</v>
      </c>
      <c r="F49" s="94">
        <v>9.7671630105688467E-2</v>
      </c>
      <c r="G49" s="188">
        <v>0.26</v>
      </c>
      <c r="H49" s="94">
        <v>9.7040762677295847E-2</v>
      </c>
      <c r="I49" s="188">
        <v>0.47299999999999998</v>
      </c>
      <c r="J49" s="94">
        <v>0.10896455856972685</v>
      </c>
      <c r="K49" s="188">
        <v>0</v>
      </c>
      <c r="L49" s="94">
        <v>3.326848242884628E-2</v>
      </c>
      <c r="M49" s="54">
        <v>80</v>
      </c>
      <c r="N49" s="84">
        <v>1.88</v>
      </c>
      <c r="O49" s="85">
        <v>0.27440000000000003</v>
      </c>
      <c r="P49" s="188">
        <v>0.91100000000000003</v>
      </c>
      <c r="Q49" s="94">
        <v>6.7887748200136488E-2</v>
      </c>
      <c r="R49" s="188">
        <v>7.0999999999999994E-2</v>
      </c>
      <c r="S49" s="94">
        <v>6.2894237662883989E-2</v>
      </c>
      <c r="T49" s="188">
        <v>1.9E-2</v>
      </c>
      <c r="U49" s="94">
        <v>4.3724654064610534E-2</v>
      </c>
      <c r="V49" s="188">
        <v>0</v>
      </c>
      <c r="W49" s="94">
        <v>3.326848242884628E-2</v>
      </c>
    </row>
    <row r="50" spans="1:23">
      <c r="A50" s="49" t="s">
        <v>445</v>
      </c>
      <c r="B50" s="187">
        <v>84</v>
      </c>
      <c r="C50" s="170">
        <v>4.2699999999999996</v>
      </c>
      <c r="D50" s="130">
        <v>0.3332</v>
      </c>
      <c r="E50" s="189">
        <v>0.32700000000000001</v>
      </c>
      <c r="F50" s="97">
        <v>0.10061853737687583</v>
      </c>
      <c r="G50" s="189">
        <v>0.14000000000000001</v>
      </c>
      <c r="H50" s="97">
        <v>7.7434444293449353E-2</v>
      </c>
      <c r="I50" s="189">
        <v>0.53300000000000003</v>
      </c>
      <c r="J50" s="97">
        <v>0.10638859944049028</v>
      </c>
      <c r="K50" s="189">
        <v>0</v>
      </c>
      <c r="L50" s="97">
        <v>3.177387706452417E-2</v>
      </c>
      <c r="M50" s="187">
        <v>83</v>
      </c>
      <c r="N50" s="170">
        <v>3.39</v>
      </c>
      <c r="O50" s="130">
        <v>0.39200000000000002</v>
      </c>
      <c r="P50" s="189">
        <v>0.52600000000000002</v>
      </c>
      <c r="Q50" s="97">
        <v>0.10707924489166602</v>
      </c>
      <c r="R50" s="189">
        <v>0.19500000000000001</v>
      </c>
      <c r="S50" s="97">
        <v>8.7186516615967435E-2</v>
      </c>
      <c r="T50" s="189">
        <v>0.25800000000000001</v>
      </c>
      <c r="U50" s="97">
        <v>9.5097626257729925E-2</v>
      </c>
      <c r="V50" s="189">
        <v>2.1999999999999999E-2</v>
      </c>
      <c r="W50" s="97">
        <v>4.3966044345261808E-2</v>
      </c>
    </row>
    <row r="51" spans="1:23">
      <c r="A51" s="57" t="s">
        <v>449</v>
      </c>
      <c r="B51" s="186">
        <v>107</v>
      </c>
      <c r="C51" s="84">
        <v>4.13</v>
      </c>
      <c r="D51" s="85">
        <v>0.27440000000000003</v>
      </c>
      <c r="E51" s="188">
        <v>0.34799999999999998</v>
      </c>
      <c r="F51" s="94">
        <v>9.0748866499487865E-2</v>
      </c>
      <c r="G51" s="188">
        <v>0.224</v>
      </c>
      <c r="H51" s="94">
        <v>8.0362969447556623E-2</v>
      </c>
      <c r="I51" s="188">
        <v>0.42899999999999999</v>
      </c>
      <c r="J51" s="94">
        <v>9.4022379757472074E-2</v>
      </c>
      <c r="K51" s="188">
        <v>0</v>
      </c>
      <c r="L51" s="94">
        <v>2.5250720474759302E-2</v>
      </c>
      <c r="M51" s="186">
        <v>109</v>
      </c>
      <c r="N51" s="84">
        <v>2.85</v>
      </c>
      <c r="O51" s="85">
        <v>0.3332</v>
      </c>
      <c r="P51" s="188">
        <v>0.61799999999999999</v>
      </c>
      <c r="Q51" s="94">
        <v>9.1602125928190226E-2</v>
      </c>
      <c r="R51" s="188">
        <v>0.112</v>
      </c>
      <c r="S51" s="94">
        <v>6.2379184594341559E-2</v>
      </c>
      <c r="T51" s="188">
        <v>0.24199999999999999</v>
      </c>
      <c r="U51" s="94">
        <v>8.1591490223869884E-2</v>
      </c>
      <c r="V51" s="188">
        <v>2.8000000000000001E-2</v>
      </c>
      <c r="W51" s="94">
        <v>3.8882242234288704E-2</v>
      </c>
    </row>
    <row r="52" spans="1:23">
      <c r="A52" s="49" t="s">
        <v>454</v>
      </c>
      <c r="B52" s="187">
        <v>83</v>
      </c>
      <c r="C52" s="170">
        <v>2.99</v>
      </c>
      <c r="D52" s="130">
        <v>0.31359999999999999</v>
      </c>
      <c r="E52" s="189">
        <v>0.64100000000000001</v>
      </c>
      <c r="F52" s="97">
        <v>0.10325843301882642</v>
      </c>
      <c r="G52" s="189">
        <v>0.25800000000000001</v>
      </c>
      <c r="H52" s="97">
        <v>9.5097626257729925E-2</v>
      </c>
      <c r="I52" s="189">
        <v>0.10100000000000001</v>
      </c>
      <c r="J52" s="97">
        <v>6.9514453872731807E-2</v>
      </c>
      <c r="K52" s="189">
        <v>0</v>
      </c>
      <c r="L52" s="97">
        <v>3.2134798233390625E-2</v>
      </c>
      <c r="M52" s="187">
        <v>84</v>
      </c>
      <c r="N52" s="170">
        <v>2.5</v>
      </c>
      <c r="O52" s="130">
        <v>0.3528</v>
      </c>
      <c r="P52" s="189">
        <v>0.754</v>
      </c>
      <c r="Q52" s="97">
        <v>9.3228895586086144E-2</v>
      </c>
      <c r="R52" s="189">
        <v>0.106</v>
      </c>
      <c r="S52" s="97">
        <v>7.0244905379540618E-2</v>
      </c>
      <c r="T52" s="189">
        <v>0.126</v>
      </c>
      <c r="U52" s="97">
        <v>7.4635782303128576E-2</v>
      </c>
      <c r="V52" s="189">
        <v>1.4E-2</v>
      </c>
      <c r="W52" s="97">
        <v>3.9765423178195231E-2</v>
      </c>
    </row>
    <row r="61" spans="1:23" ht="18.75">
      <c r="A61" s="316" t="s">
        <v>50</v>
      </c>
      <c r="B61" s="316"/>
      <c r="C61" s="316"/>
      <c r="D61" s="316"/>
      <c r="E61" s="316"/>
      <c r="F61" s="316"/>
      <c r="G61" s="316"/>
      <c r="H61" s="316"/>
      <c r="I61" s="316"/>
      <c r="J61" s="316"/>
      <c r="K61" s="316"/>
      <c r="L61" s="316"/>
      <c r="M61" s="316"/>
      <c r="N61" s="316"/>
      <c r="O61" s="316"/>
      <c r="P61" s="316"/>
      <c r="Q61" s="316"/>
      <c r="R61" s="316"/>
      <c r="S61" s="316"/>
      <c r="T61" s="316"/>
      <c r="U61" s="316"/>
      <c r="V61" s="316"/>
      <c r="W61" s="316"/>
    </row>
    <row r="62" spans="1:23" ht="37.5" customHeight="1">
      <c r="A62" s="385" t="s">
        <v>488</v>
      </c>
      <c r="B62" s="385"/>
      <c r="C62" s="385"/>
      <c r="D62" s="385"/>
      <c r="E62" s="385"/>
      <c r="F62" s="385"/>
      <c r="G62" s="385"/>
      <c r="H62" s="385"/>
      <c r="I62" s="385"/>
      <c r="J62" s="385"/>
      <c r="K62" s="385"/>
      <c r="L62" s="385"/>
      <c r="M62" s="385"/>
      <c r="N62" s="385"/>
      <c r="O62" s="385"/>
      <c r="P62" s="385"/>
      <c r="Q62" s="385"/>
      <c r="R62" s="385"/>
      <c r="S62" s="385"/>
      <c r="T62" s="385"/>
      <c r="U62" s="385"/>
      <c r="V62" s="385"/>
      <c r="W62" s="385"/>
    </row>
    <row r="63" spans="1:23" ht="37.5" customHeight="1">
      <c r="A63" s="64"/>
      <c r="B63" s="376" t="s">
        <v>273</v>
      </c>
      <c r="C63" s="377"/>
      <c r="D63" s="377"/>
      <c r="E63" s="377"/>
      <c r="F63" s="377"/>
      <c r="G63" s="377"/>
      <c r="H63" s="377"/>
      <c r="I63" s="377"/>
      <c r="J63" s="377"/>
      <c r="K63" s="377"/>
      <c r="L63" s="378"/>
      <c r="M63" s="376" t="s">
        <v>274</v>
      </c>
      <c r="N63" s="377"/>
      <c r="O63" s="377"/>
      <c r="P63" s="377"/>
      <c r="Q63" s="377"/>
      <c r="R63" s="377"/>
      <c r="S63" s="377"/>
      <c r="T63" s="377"/>
      <c r="U63" s="377"/>
      <c r="V63" s="377"/>
      <c r="W63" s="378"/>
    </row>
    <row r="64" spans="1:23" ht="39" customHeight="1">
      <c r="A64" s="37" t="s">
        <v>85</v>
      </c>
      <c r="B64" s="38" t="s">
        <v>86</v>
      </c>
      <c r="C64" s="39" t="s">
        <v>87</v>
      </c>
      <c r="D64" s="40" t="s">
        <v>88</v>
      </c>
      <c r="E64" s="38" t="s">
        <v>368</v>
      </c>
      <c r="F64" s="89" t="s">
        <v>162</v>
      </c>
      <c r="G64" s="38" t="s">
        <v>369</v>
      </c>
      <c r="H64" s="89" t="s">
        <v>163</v>
      </c>
      <c r="I64" s="38" t="s">
        <v>370</v>
      </c>
      <c r="J64" s="89" t="s">
        <v>136</v>
      </c>
      <c r="K64" s="38" t="s">
        <v>357</v>
      </c>
      <c r="L64" s="89" t="s">
        <v>371</v>
      </c>
      <c r="M64" s="65" t="s">
        <v>86</v>
      </c>
      <c r="N64" s="66" t="s">
        <v>87</v>
      </c>
      <c r="O64" s="67" t="s">
        <v>88</v>
      </c>
      <c r="P64" s="65" t="s">
        <v>404</v>
      </c>
      <c r="Q64" s="88" t="s">
        <v>405</v>
      </c>
      <c r="R64" s="65" t="s">
        <v>406</v>
      </c>
      <c r="S64" s="88" t="s">
        <v>407</v>
      </c>
      <c r="T64" s="65" t="s">
        <v>355</v>
      </c>
      <c r="U64" s="88" t="s">
        <v>408</v>
      </c>
      <c r="V64" s="65" t="s">
        <v>357</v>
      </c>
      <c r="W64" s="88" t="s">
        <v>371</v>
      </c>
    </row>
    <row r="65" spans="1:23" ht="72">
      <c r="A65" s="41"/>
      <c r="B65" s="42" t="s">
        <v>89</v>
      </c>
      <c r="C65" s="126" t="s">
        <v>360</v>
      </c>
      <c r="D65" s="44" t="s">
        <v>91</v>
      </c>
      <c r="E65" s="42" t="s">
        <v>181</v>
      </c>
      <c r="F65" s="91" t="s">
        <v>104</v>
      </c>
      <c r="G65" s="42" t="s">
        <v>182</v>
      </c>
      <c r="H65" s="91" t="s">
        <v>104</v>
      </c>
      <c r="I65" s="42" t="s">
        <v>183</v>
      </c>
      <c r="J65" s="91" t="s">
        <v>104</v>
      </c>
      <c r="K65" s="42" t="s">
        <v>357</v>
      </c>
      <c r="L65" s="91" t="s">
        <v>104</v>
      </c>
      <c r="M65" s="68" t="s">
        <v>89</v>
      </c>
      <c r="N65" s="272" t="s">
        <v>360</v>
      </c>
      <c r="O65" s="70" t="s">
        <v>91</v>
      </c>
      <c r="P65" s="68" t="s">
        <v>181</v>
      </c>
      <c r="Q65" s="90" t="s">
        <v>104</v>
      </c>
      <c r="R65" s="68" t="s">
        <v>182</v>
      </c>
      <c r="S65" s="90" t="s">
        <v>104</v>
      </c>
      <c r="T65" s="68" t="s">
        <v>183</v>
      </c>
      <c r="U65" s="90" t="s">
        <v>104</v>
      </c>
      <c r="V65" s="68" t="s">
        <v>357</v>
      </c>
      <c r="W65" s="90" t="s">
        <v>104</v>
      </c>
    </row>
    <row r="66" spans="1:23">
      <c r="A66" s="45" t="s">
        <v>436</v>
      </c>
      <c r="B66" s="186">
        <v>10974</v>
      </c>
      <c r="C66" s="84">
        <v>5.05</v>
      </c>
      <c r="D66" s="85">
        <v>3.9199999999999999E-2</v>
      </c>
      <c r="E66" s="188">
        <v>0.17299999999999999</v>
      </c>
      <c r="F66" s="94">
        <v>7.2220817888584603E-3</v>
      </c>
      <c r="G66" s="188">
        <v>0.15</v>
      </c>
      <c r="H66" s="94">
        <v>6.8182893901301313E-3</v>
      </c>
      <c r="I66" s="188">
        <v>0.66600000000000004</v>
      </c>
      <c r="J66" s="94">
        <v>9.0032296634387169E-3</v>
      </c>
      <c r="K66" s="188">
        <v>1.2E-2</v>
      </c>
      <c r="L66" s="94">
        <v>2.0935935476015023E-3</v>
      </c>
      <c r="M66" s="186">
        <v>11021</v>
      </c>
      <c r="N66" s="84">
        <v>3.66</v>
      </c>
      <c r="O66" s="85">
        <v>3.9199999999999999E-2</v>
      </c>
      <c r="P66" s="188">
        <v>0.16900000000000001</v>
      </c>
      <c r="Q66" s="94">
        <v>7.140151503402874E-3</v>
      </c>
      <c r="R66" s="188">
        <v>0.34299999999999997</v>
      </c>
      <c r="S66" s="94">
        <v>9.0424824045543337E-3</v>
      </c>
      <c r="T66" s="188">
        <v>0.46899999999999997</v>
      </c>
      <c r="U66" s="94">
        <v>9.5055004426834646E-3</v>
      </c>
      <c r="V66" s="188">
        <v>1.9E-2</v>
      </c>
      <c r="W66" s="94">
        <v>2.6121537351062162E-3</v>
      </c>
    </row>
    <row r="67" spans="1:23">
      <c r="A67" s="49" t="s">
        <v>437</v>
      </c>
      <c r="B67" s="49">
        <v>8828</v>
      </c>
      <c r="C67" s="170">
        <v>4.8899999999999997</v>
      </c>
      <c r="D67" s="130">
        <v>3.9199999999999999E-2</v>
      </c>
      <c r="E67" s="189">
        <v>0.20799999999999999</v>
      </c>
      <c r="F67" s="97">
        <v>8.6396565869103596E-3</v>
      </c>
      <c r="G67" s="189">
        <v>0.16</v>
      </c>
      <c r="H67" s="97">
        <v>7.8049328985811709E-3</v>
      </c>
      <c r="I67" s="189">
        <v>0.625</v>
      </c>
      <c r="J67" s="97">
        <v>1.0303130897152412E-2</v>
      </c>
      <c r="K67" s="189">
        <v>7.0000000000000001E-3</v>
      </c>
      <c r="L67" s="97">
        <v>1.8021604418710663E-3</v>
      </c>
      <c r="M67" s="49">
        <v>8875</v>
      </c>
      <c r="N67" s="170">
        <v>3.64</v>
      </c>
      <c r="O67" s="130">
        <v>3.9199999999999999E-2</v>
      </c>
      <c r="P67" s="189">
        <v>0.18</v>
      </c>
      <c r="Q67" s="97">
        <v>8.1569313846374756E-3</v>
      </c>
      <c r="R67" s="189">
        <v>0.31899999999999995</v>
      </c>
      <c r="S67" s="97">
        <v>9.8934180736553867E-3</v>
      </c>
      <c r="T67" s="189">
        <v>0.495</v>
      </c>
      <c r="U67" s="97">
        <v>1.0611976406735786E-2</v>
      </c>
      <c r="V67" s="189">
        <v>7.0000000000000001E-3</v>
      </c>
      <c r="W67" s="97">
        <v>1.797238361110935E-3</v>
      </c>
    </row>
    <row r="68" spans="1:23">
      <c r="A68" s="53" t="s">
        <v>438</v>
      </c>
      <c r="B68" s="53">
        <v>1981</v>
      </c>
      <c r="C68" s="84">
        <v>5.38</v>
      </c>
      <c r="D68" s="85">
        <v>5.8799999999999998E-2</v>
      </c>
      <c r="E68" s="188">
        <v>0.1065</v>
      </c>
      <c r="F68" s="94">
        <v>1.3892800854297369E-2</v>
      </c>
      <c r="G68" s="188">
        <v>0.13109999999999999</v>
      </c>
      <c r="H68" s="94">
        <v>1.5187207907680907E-2</v>
      </c>
      <c r="I68" s="188">
        <v>0.74199999999999999</v>
      </c>
      <c r="J68" s="94">
        <v>1.96529992525457E-2</v>
      </c>
      <c r="K68" s="188">
        <v>2.0400000000000001E-2</v>
      </c>
      <c r="L68" s="94">
        <v>6.4912144846174221E-3</v>
      </c>
      <c r="M68" s="53">
        <v>1984</v>
      </c>
      <c r="N68" s="84">
        <v>3.65</v>
      </c>
      <c r="O68" s="85">
        <v>7.8399999999999997E-2</v>
      </c>
      <c r="P68" s="188">
        <v>0.15229999999999999</v>
      </c>
      <c r="Q68" s="94">
        <v>1.6147628833673031E-2</v>
      </c>
      <c r="R68" s="188">
        <v>0.36819999999999997</v>
      </c>
      <c r="S68" s="94">
        <v>2.163807816512426E-2</v>
      </c>
      <c r="T68" s="188">
        <v>0.44189999999999996</v>
      </c>
      <c r="U68" s="94">
        <v>2.2276746647629256E-2</v>
      </c>
      <c r="V68" s="188">
        <v>3.7499999999999999E-2</v>
      </c>
      <c r="W68" s="94">
        <v>8.6228457202624908E-3</v>
      </c>
    </row>
    <row r="69" spans="1:23">
      <c r="A69" s="49" t="s">
        <v>439</v>
      </c>
      <c r="B69" s="49">
        <v>901</v>
      </c>
      <c r="C69" s="170">
        <v>4.8600000000000003</v>
      </c>
      <c r="D69" s="130">
        <v>0.1176</v>
      </c>
      <c r="E69" s="189">
        <v>0.19700000000000001</v>
      </c>
      <c r="F69" s="97">
        <v>2.6509731580639607E-2</v>
      </c>
      <c r="G69" s="189">
        <v>0.186</v>
      </c>
      <c r="H69" s="97">
        <v>2.5942873129966359E-2</v>
      </c>
      <c r="I69" s="189">
        <v>0.60299999999999998</v>
      </c>
      <c r="J69" s="97">
        <v>3.2534525577265529E-2</v>
      </c>
      <c r="K69" s="189">
        <v>1.4E-2</v>
      </c>
      <c r="L69" s="97">
        <v>8.3797457082863923E-3</v>
      </c>
      <c r="M69" s="49">
        <v>905</v>
      </c>
      <c r="N69" s="170">
        <v>3.59</v>
      </c>
      <c r="O69" s="130">
        <v>0.1176</v>
      </c>
      <c r="P69" s="189">
        <v>0.125</v>
      </c>
      <c r="Q69" s="97">
        <v>2.2062008892708165E-2</v>
      </c>
      <c r="R69" s="189">
        <v>0.38900000000000001</v>
      </c>
      <c r="S69" s="97">
        <v>3.2347616664911615E-2</v>
      </c>
      <c r="T69" s="189">
        <v>0.45899999999999996</v>
      </c>
      <c r="U69" s="97">
        <v>3.305719028274294E-2</v>
      </c>
      <c r="V69" s="189">
        <v>2.8000000000000001E-2</v>
      </c>
      <c r="W69" s="97">
        <v>1.1330106570066129E-2</v>
      </c>
    </row>
    <row r="70" spans="1:23">
      <c r="A70" s="53" t="s">
        <v>440</v>
      </c>
      <c r="B70" s="53">
        <v>716</v>
      </c>
      <c r="C70" s="84">
        <v>4.74</v>
      </c>
      <c r="D70" s="85">
        <v>0.13720000000000002</v>
      </c>
      <c r="E70" s="188">
        <v>0.214</v>
      </c>
      <c r="F70" s="94">
        <v>3.065129323685881E-2</v>
      </c>
      <c r="G70" s="188">
        <v>0.17499999999999999</v>
      </c>
      <c r="H70" s="94">
        <v>2.8435634049184651E-2</v>
      </c>
      <c r="I70" s="188">
        <v>0.60199999999999998</v>
      </c>
      <c r="J70" s="94">
        <v>3.6492866798327778E-2</v>
      </c>
      <c r="K70" s="188">
        <v>8.9999999999999993E-3</v>
      </c>
      <c r="L70" s="94">
        <v>8.0243507893068278E-3</v>
      </c>
      <c r="M70" s="53">
        <v>720</v>
      </c>
      <c r="N70" s="84">
        <v>3.53</v>
      </c>
      <c r="O70" s="85">
        <v>0.1176</v>
      </c>
      <c r="P70" s="188">
        <v>0.13300000000000001</v>
      </c>
      <c r="Q70" s="94">
        <v>2.5402306088244238E-2</v>
      </c>
      <c r="R70" s="188">
        <v>0.36899999999999999</v>
      </c>
      <c r="S70" s="94">
        <v>3.5881026587595587E-2</v>
      </c>
      <c r="T70" s="188">
        <v>0.495</v>
      </c>
      <c r="U70" s="94">
        <v>3.7162869507819246E-2</v>
      </c>
      <c r="V70" s="188">
        <v>2E-3</v>
      </c>
      <c r="W70" s="94">
        <v>5.1113596768314644E-3</v>
      </c>
    </row>
    <row r="71" spans="1:23" ht="25.5">
      <c r="A71" s="49" t="s">
        <v>453</v>
      </c>
      <c r="B71" s="49">
        <v>136</v>
      </c>
      <c r="C71" s="170">
        <v>5.51</v>
      </c>
      <c r="D71" s="130">
        <v>0.25480000000000003</v>
      </c>
      <c r="E71" s="189">
        <v>0.10199999999999999</v>
      </c>
      <c r="F71" s="97">
        <v>5.3590603588716146E-2</v>
      </c>
      <c r="G71" s="189">
        <v>0.11700000000000001</v>
      </c>
      <c r="H71" s="97">
        <v>5.6460727804878319E-2</v>
      </c>
      <c r="I71" s="189">
        <v>0.77900000000000003</v>
      </c>
      <c r="J71" s="97">
        <v>7.1021830339971184E-2</v>
      </c>
      <c r="K71" s="189">
        <v>1E-3</v>
      </c>
      <c r="L71" s="97">
        <v>2.0718771646559411E-2</v>
      </c>
      <c r="M71" s="49">
        <v>136</v>
      </c>
      <c r="N71" s="170">
        <v>3.62</v>
      </c>
      <c r="O71" s="130">
        <v>0.29399999999999998</v>
      </c>
      <c r="P71" s="189">
        <v>0.108</v>
      </c>
      <c r="Q71" s="97">
        <v>5.4770002217063525E-2</v>
      </c>
      <c r="R71" s="189">
        <v>0.41800000000000004</v>
      </c>
      <c r="S71" s="97">
        <v>8.3435987369588863E-2</v>
      </c>
      <c r="T71" s="189">
        <v>0.45799999999999996</v>
      </c>
      <c r="U71" s="97">
        <v>8.4233580002277E-2</v>
      </c>
      <c r="V71" s="189">
        <v>1.7000000000000001E-2</v>
      </c>
      <c r="W71" s="97">
        <v>2.9204383232658757E-2</v>
      </c>
    </row>
    <row r="72" spans="1:23">
      <c r="A72" s="53" t="s">
        <v>441</v>
      </c>
      <c r="B72" s="53">
        <v>79</v>
      </c>
      <c r="C72" s="84">
        <v>4.97</v>
      </c>
      <c r="D72" s="85">
        <v>0.3528</v>
      </c>
      <c r="E72" s="188">
        <v>0.17699999999999999</v>
      </c>
      <c r="F72" s="94">
        <v>8.6563438293567899E-2</v>
      </c>
      <c r="G72" s="188">
        <v>0.15</v>
      </c>
      <c r="H72" s="94">
        <v>8.1852855747379161E-2</v>
      </c>
      <c r="I72" s="188">
        <v>0.67</v>
      </c>
      <c r="J72" s="94">
        <v>0.10385773881535165</v>
      </c>
      <c r="K72" s="188">
        <v>2E-3</v>
      </c>
      <c r="L72" s="94">
        <v>3.4934706738997526E-2</v>
      </c>
      <c r="M72" s="53">
        <v>79</v>
      </c>
      <c r="N72" s="84">
        <v>3.6</v>
      </c>
      <c r="O72" s="85">
        <v>0.37240000000000001</v>
      </c>
      <c r="P72" s="188">
        <v>0.14499999999999999</v>
      </c>
      <c r="Q72" s="94">
        <v>8.0907291716289645E-2</v>
      </c>
      <c r="R72" s="188">
        <v>0.316</v>
      </c>
      <c r="S72" s="94">
        <v>0.10281076238576434</v>
      </c>
      <c r="T72" s="188">
        <v>0.52300000000000002</v>
      </c>
      <c r="U72" s="94">
        <v>0.10965900252605912</v>
      </c>
      <c r="V72" s="188">
        <v>1.6E-2</v>
      </c>
      <c r="W72" s="94">
        <v>4.2669264291516136E-2</v>
      </c>
    </row>
    <row r="73" spans="1:23">
      <c r="A73" s="49" t="s">
        <v>446</v>
      </c>
      <c r="B73" s="49">
        <v>165</v>
      </c>
      <c r="C73" s="170">
        <v>4.7699999999999996</v>
      </c>
      <c r="D73" s="130">
        <v>0.25480000000000003</v>
      </c>
      <c r="E73" s="189">
        <v>0.21</v>
      </c>
      <c r="F73" s="97">
        <v>6.3401407762998116E-2</v>
      </c>
      <c r="G73" s="189">
        <v>0.23599999999999999</v>
      </c>
      <c r="H73" s="97">
        <v>6.5914446059881282E-2</v>
      </c>
      <c r="I73" s="189">
        <v>0.52400000000000002</v>
      </c>
      <c r="J73" s="97">
        <v>7.6838560276920015E-2</v>
      </c>
      <c r="K73" s="189">
        <v>0.03</v>
      </c>
      <c r="L73" s="97">
        <v>3.0550397034106936E-2</v>
      </c>
      <c r="M73" s="49">
        <v>164</v>
      </c>
      <c r="N73" s="170">
        <v>3.73</v>
      </c>
      <c r="O73" s="130">
        <v>0.25480000000000003</v>
      </c>
      <c r="P73" s="189">
        <v>0.114</v>
      </c>
      <c r="Q73" s="97">
        <v>5.0712678692348044E-2</v>
      </c>
      <c r="R73" s="189">
        <v>0.41700000000000004</v>
      </c>
      <c r="S73" s="97">
        <v>7.6131956604533091E-2</v>
      </c>
      <c r="T73" s="189">
        <v>0.376</v>
      </c>
      <c r="U73" s="97">
        <v>7.4856604811323307E-2</v>
      </c>
      <c r="V73" s="189">
        <v>9.2999999999999999E-2</v>
      </c>
      <c r="W73" s="97">
        <v>4.6839427401406751E-2</v>
      </c>
    </row>
    <row r="74" spans="1:23">
      <c r="A74" s="53" t="s">
        <v>447</v>
      </c>
      <c r="B74" s="53">
        <v>111</v>
      </c>
      <c r="C74" s="84">
        <v>5.04</v>
      </c>
      <c r="D74" s="85">
        <v>0.29399999999999998</v>
      </c>
      <c r="E74" s="188">
        <v>0.20399999999999999</v>
      </c>
      <c r="F74" s="94">
        <v>7.6527466085746329E-2</v>
      </c>
      <c r="G74" s="188">
        <v>9.6000000000000002E-2</v>
      </c>
      <c r="H74" s="94">
        <v>5.8366367006754752E-2</v>
      </c>
      <c r="I74" s="188">
        <v>0.7</v>
      </c>
      <c r="J74" s="94">
        <v>8.60200614621143E-2</v>
      </c>
      <c r="K74" s="188">
        <v>0</v>
      </c>
      <c r="L74" s="94">
        <v>2.4380210707016403E-2</v>
      </c>
      <c r="M74" s="53">
        <v>112</v>
      </c>
      <c r="N74" s="84">
        <v>3.63</v>
      </c>
      <c r="O74" s="85">
        <v>0.29399999999999998</v>
      </c>
      <c r="P74" s="188">
        <v>0.15</v>
      </c>
      <c r="Q74" s="94">
        <v>6.843134388049156E-2</v>
      </c>
      <c r="R74" s="188">
        <v>0.38900000000000001</v>
      </c>
      <c r="S74" s="94">
        <v>9.0689708521886986E-2</v>
      </c>
      <c r="T74" s="188">
        <v>0.46100000000000002</v>
      </c>
      <c r="U74" s="94">
        <v>9.2583995040195891E-2</v>
      </c>
      <c r="V74" s="188">
        <v>0</v>
      </c>
      <c r="W74" s="94">
        <v>2.4171880321350918E-2</v>
      </c>
    </row>
    <row r="75" spans="1:23">
      <c r="A75" s="49" t="s">
        <v>442</v>
      </c>
      <c r="B75" s="49">
        <v>78</v>
      </c>
      <c r="C75" s="170">
        <v>5.22</v>
      </c>
      <c r="D75" s="130">
        <v>0.3528</v>
      </c>
      <c r="E75" s="189">
        <v>0.152</v>
      </c>
      <c r="F75" s="97">
        <v>8.2764094095191351E-2</v>
      </c>
      <c r="G75" s="189">
        <v>0.11600000000000001</v>
      </c>
      <c r="H75" s="97">
        <v>7.5410769225266003E-2</v>
      </c>
      <c r="I75" s="189">
        <v>0.73199999999999998</v>
      </c>
      <c r="J75" s="97">
        <v>9.909321696804721E-2</v>
      </c>
      <c r="K75" s="189">
        <v>0</v>
      </c>
      <c r="L75" s="97">
        <v>3.406977052534528E-2</v>
      </c>
      <c r="M75" s="49">
        <v>78</v>
      </c>
      <c r="N75" s="170">
        <v>3.7</v>
      </c>
      <c r="O75" s="130">
        <v>0.37240000000000001</v>
      </c>
      <c r="P75" s="189">
        <v>0.193</v>
      </c>
      <c r="Q75" s="97">
        <v>8.963931941674054E-2</v>
      </c>
      <c r="R75" s="189">
        <v>0.29099999999999998</v>
      </c>
      <c r="S75" s="97">
        <v>0.1013269570141952</v>
      </c>
      <c r="T75" s="189">
        <v>0.51600000000000001</v>
      </c>
      <c r="U75" s="97">
        <v>0.11038035492598962</v>
      </c>
      <c r="V75" s="189">
        <v>0</v>
      </c>
      <c r="W75" s="97">
        <v>3.406977052534528E-2</v>
      </c>
    </row>
    <row r="76" spans="1:23">
      <c r="A76" s="45" t="s">
        <v>448</v>
      </c>
      <c r="B76" s="186">
        <v>289</v>
      </c>
      <c r="C76" s="84">
        <v>4.54</v>
      </c>
      <c r="D76" s="85">
        <v>0.19600000000000001</v>
      </c>
      <c r="E76" s="188">
        <v>0.20200000000000001</v>
      </c>
      <c r="F76" s="94">
        <v>4.7259956692884797E-2</v>
      </c>
      <c r="G76" s="188">
        <v>0.247</v>
      </c>
      <c r="H76" s="94">
        <v>5.0624328273065601E-2</v>
      </c>
      <c r="I76" s="188">
        <v>0.53100000000000003</v>
      </c>
      <c r="J76" s="94">
        <v>5.8311281880745795E-2</v>
      </c>
      <c r="K76" s="188">
        <v>1.9E-2</v>
      </c>
      <c r="L76" s="94">
        <v>1.8442014753668117E-2</v>
      </c>
      <c r="M76" s="186">
        <v>292</v>
      </c>
      <c r="N76" s="84">
        <v>3.49</v>
      </c>
      <c r="O76" s="85">
        <v>0.19600000000000001</v>
      </c>
      <c r="P76" s="188">
        <v>0.12</v>
      </c>
      <c r="Q76" s="94">
        <v>3.8463097985205884E-2</v>
      </c>
      <c r="R76" s="188">
        <v>0.37</v>
      </c>
      <c r="S76" s="94">
        <v>5.6179450720671965E-2</v>
      </c>
      <c r="T76" s="188">
        <v>0.51</v>
      </c>
      <c r="U76" s="94">
        <v>5.8112505566869442E-2</v>
      </c>
      <c r="V76" s="188">
        <v>0</v>
      </c>
      <c r="W76" s="94">
        <v>9.5231602429016963E-3</v>
      </c>
    </row>
    <row r="77" spans="1:23" ht="25.5">
      <c r="A77" s="49" t="s">
        <v>443</v>
      </c>
      <c r="B77" s="187">
        <v>127</v>
      </c>
      <c r="C77" s="170">
        <v>4.78</v>
      </c>
      <c r="D77" s="130">
        <v>0.23519999999999999</v>
      </c>
      <c r="E77" s="189">
        <v>0.158</v>
      </c>
      <c r="F77" s="97">
        <v>6.5398318886568996E-2</v>
      </c>
      <c r="G77" s="189">
        <v>0.21199999999999999</v>
      </c>
      <c r="H77" s="97">
        <v>7.2479310000922184E-2</v>
      </c>
      <c r="I77" s="189">
        <v>0.63</v>
      </c>
      <c r="J77" s="97">
        <v>8.4549331444247131E-2</v>
      </c>
      <c r="K77" s="189">
        <v>0</v>
      </c>
      <c r="L77" s="97">
        <v>2.1425595681499328E-2</v>
      </c>
      <c r="M77" s="187">
        <v>127</v>
      </c>
      <c r="N77" s="170">
        <v>3.29</v>
      </c>
      <c r="O77" s="130">
        <v>0.23519999999999999</v>
      </c>
      <c r="P77" s="189">
        <v>3.1E-2</v>
      </c>
      <c r="Q77" s="97">
        <v>3.6347203105006394E-2</v>
      </c>
      <c r="R77" s="189">
        <v>0.44900000000000001</v>
      </c>
      <c r="S77" s="97">
        <v>8.6942187453037403E-2</v>
      </c>
      <c r="T77" s="189">
        <v>0.52</v>
      </c>
      <c r="U77" s="97">
        <v>8.7304687936227213E-2</v>
      </c>
      <c r="V77" s="189">
        <v>0</v>
      </c>
      <c r="W77" s="97">
        <v>2.1425595681499328E-2</v>
      </c>
    </row>
    <row r="78" spans="1:23" ht="25.5">
      <c r="A78" s="53" t="s">
        <v>444</v>
      </c>
      <c r="B78" s="54">
        <v>80</v>
      </c>
      <c r="C78" s="84">
        <v>3.61</v>
      </c>
      <c r="D78" s="85">
        <v>0.41159999999999997</v>
      </c>
      <c r="E78" s="188">
        <v>0.40600000000000003</v>
      </c>
      <c r="F78" s="94">
        <v>0.10734578917559226</v>
      </c>
      <c r="G78" s="188">
        <v>0.317</v>
      </c>
      <c r="H78" s="94">
        <v>0.10226587425872266</v>
      </c>
      <c r="I78" s="188">
        <v>0.26</v>
      </c>
      <c r="J78" s="94">
        <v>9.7040762677295847E-2</v>
      </c>
      <c r="K78" s="188">
        <v>1.6E-2</v>
      </c>
      <c r="L78" s="94">
        <v>4.2270614860472899E-2</v>
      </c>
      <c r="M78" s="54">
        <v>81</v>
      </c>
      <c r="N78" s="84">
        <v>4.59</v>
      </c>
      <c r="O78" s="85">
        <v>0.43119999999999997</v>
      </c>
      <c r="P78" s="188">
        <v>0.32</v>
      </c>
      <c r="Q78" s="94">
        <v>0.1018828995406356</v>
      </c>
      <c r="R78" s="188">
        <v>0.44000000000000006</v>
      </c>
      <c r="S78" s="94">
        <v>0.10775371727417769</v>
      </c>
      <c r="T78" s="188">
        <v>0.23900000000000002</v>
      </c>
      <c r="U78" s="94">
        <v>9.4093703494166486E-2</v>
      </c>
      <c r="V78" s="188">
        <v>0</v>
      </c>
      <c r="W78" s="94">
        <v>3.2881805121991139E-2</v>
      </c>
    </row>
    <row r="79" spans="1:23">
      <c r="A79" s="49" t="s">
        <v>445</v>
      </c>
      <c r="B79" s="187">
        <v>82</v>
      </c>
      <c r="C79" s="170">
        <v>4.93</v>
      </c>
      <c r="D79" s="130">
        <v>0.3528</v>
      </c>
      <c r="E79" s="189">
        <v>0.107</v>
      </c>
      <c r="F79" s="97">
        <v>7.1392861491121964E-2</v>
      </c>
      <c r="G79" s="189">
        <v>0.24299999999999999</v>
      </c>
      <c r="H79" s="97">
        <v>9.3994608241951105E-2</v>
      </c>
      <c r="I79" s="189">
        <v>0.60199999999999998</v>
      </c>
      <c r="J79" s="97">
        <v>0.10577319013468008</v>
      </c>
      <c r="K79" s="189">
        <v>4.8000000000000001E-2</v>
      </c>
      <c r="L79" s="97">
        <v>5.4669853080568376E-2</v>
      </c>
      <c r="M79" s="187">
        <v>84</v>
      </c>
      <c r="N79" s="170">
        <v>2.94</v>
      </c>
      <c r="O79" s="130">
        <v>0.3528</v>
      </c>
      <c r="P79" s="189">
        <v>9.2999999999999999E-2</v>
      </c>
      <c r="Q79" s="97">
        <v>6.7104988975891691E-2</v>
      </c>
      <c r="R79" s="189">
        <v>0.20500000000000002</v>
      </c>
      <c r="S79" s="97">
        <v>8.8087394598503801E-2</v>
      </c>
      <c r="T79" s="189">
        <v>0.70300000000000007</v>
      </c>
      <c r="U79" s="97">
        <v>9.8269603680452206E-2</v>
      </c>
      <c r="V79" s="189">
        <v>0</v>
      </c>
      <c r="W79" s="97">
        <v>3.177387706452417E-2</v>
      </c>
    </row>
    <row r="80" spans="1:23">
      <c r="A80" s="57" t="s">
        <v>449</v>
      </c>
      <c r="B80" s="186">
        <v>109</v>
      </c>
      <c r="C80" s="84">
        <v>4.45</v>
      </c>
      <c r="D80" s="85">
        <v>0.3332</v>
      </c>
      <c r="E80" s="188">
        <v>0.311</v>
      </c>
      <c r="F80" s="94">
        <v>8.7595846004409922E-2</v>
      </c>
      <c r="G80" s="188">
        <v>0.16200000000000001</v>
      </c>
      <c r="H80" s="94">
        <v>7.1321512871388479E-2</v>
      </c>
      <c r="I80" s="188">
        <v>0.51800000000000002</v>
      </c>
      <c r="J80" s="94">
        <v>9.4015350294344893E-2</v>
      </c>
      <c r="K80" s="188">
        <v>8.0000000000000002E-3</v>
      </c>
      <c r="L80" s="94">
        <v>2.9611023865798725E-2</v>
      </c>
      <c r="M80" s="186">
        <v>108</v>
      </c>
      <c r="N80" s="84">
        <v>3.66</v>
      </c>
      <c r="O80" s="85">
        <v>0.29399999999999998</v>
      </c>
      <c r="P80" s="188">
        <v>0.156</v>
      </c>
      <c r="Q80" s="94">
        <v>7.0701998520212889E-2</v>
      </c>
      <c r="R80" s="188">
        <v>0.4</v>
      </c>
      <c r="S80" s="94">
        <v>9.2717221896213023E-2</v>
      </c>
      <c r="T80" s="188">
        <v>0.44399999999999995</v>
      </c>
      <c r="U80" s="94">
        <v>9.3938429683642105E-2</v>
      </c>
      <c r="V80" s="188">
        <v>0</v>
      </c>
      <c r="W80" s="94">
        <v>2.5027317436669111E-2</v>
      </c>
    </row>
    <row r="81" spans="1:32">
      <c r="A81" s="49" t="s">
        <v>454</v>
      </c>
      <c r="B81" s="187">
        <v>83</v>
      </c>
      <c r="C81" s="170">
        <v>5.13</v>
      </c>
      <c r="D81" s="130">
        <v>0.39200000000000002</v>
      </c>
      <c r="E81" s="189">
        <v>0.14899999999999999</v>
      </c>
      <c r="F81" s="97">
        <v>7.9616146565487309E-2</v>
      </c>
      <c r="G81" s="189">
        <v>0.16800000000000001</v>
      </c>
      <c r="H81" s="97">
        <v>8.295644593442833E-2</v>
      </c>
      <c r="I81" s="189">
        <v>0.68300000000000005</v>
      </c>
      <c r="J81" s="97">
        <v>0.10046321597353905</v>
      </c>
      <c r="K81" s="189">
        <v>0</v>
      </c>
      <c r="L81" s="97">
        <v>3.2134798233390625E-2</v>
      </c>
      <c r="M81" s="187">
        <v>84</v>
      </c>
      <c r="N81" s="170">
        <v>3.09</v>
      </c>
      <c r="O81" s="130">
        <v>0.37240000000000001</v>
      </c>
      <c r="P81" s="189">
        <v>0.122</v>
      </c>
      <c r="Q81" s="97">
        <v>7.3796476778865971E-2</v>
      </c>
      <c r="R81" s="189">
        <v>0.23299999999999998</v>
      </c>
      <c r="S81" s="97">
        <v>9.1712130371342848E-2</v>
      </c>
      <c r="T81" s="189">
        <v>0.629</v>
      </c>
      <c r="U81" s="97">
        <v>0.10331712784837258</v>
      </c>
      <c r="V81" s="189">
        <v>1.6E-2</v>
      </c>
      <c r="W81" s="97">
        <v>4.0763174111400645E-2</v>
      </c>
    </row>
    <row r="90" spans="1:32" ht="18.75">
      <c r="A90" s="324" t="s">
        <v>275</v>
      </c>
      <c r="B90" s="324"/>
      <c r="C90" s="324"/>
      <c r="D90" s="324"/>
      <c r="E90" s="324"/>
      <c r="F90" s="324"/>
      <c r="G90" s="324"/>
      <c r="H90" s="324"/>
      <c r="I90" s="324"/>
      <c r="J90" s="324"/>
      <c r="K90" s="324"/>
      <c r="L90" s="324"/>
      <c r="M90" s="226"/>
      <c r="N90" s="226"/>
      <c r="O90" s="226"/>
      <c r="P90" s="256"/>
      <c r="Q90" s="256"/>
      <c r="R90" s="256"/>
      <c r="S90" s="256"/>
      <c r="T90" s="256"/>
      <c r="U90" s="256"/>
      <c r="V90" s="256"/>
      <c r="W90" s="256"/>
      <c r="X90" s="256"/>
      <c r="Y90" s="256"/>
      <c r="Z90" s="256"/>
      <c r="AA90" s="256"/>
      <c r="AB90" s="256"/>
    </row>
    <row r="91" spans="1:32" ht="34.5" customHeight="1">
      <c r="A91" s="385" t="s">
        <v>489</v>
      </c>
      <c r="B91" s="385"/>
      <c r="C91" s="385"/>
      <c r="D91" s="385"/>
      <c r="E91" s="385"/>
      <c r="F91" s="385"/>
      <c r="G91" s="385"/>
      <c r="H91" s="385"/>
      <c r="I91" s="385"/>
      <c r="J91" s="385"/>
      <c r="K91" s="385"/>
      <c r="L91" s="385"/>
      <c r="M91" s="239"/>
      <c r="N91" s="239"/>
      <c r="O91" s="239"/>
      <c r="P91" s="256"/>
      <c r="Q91" s="256"/>
      <c r="R91" s="256"/>
      <c r="S91" s="256"/>
      <c r="T91" s="256"/>
      <c r="U91" s="256"/>
      <c r="V91" s="256"/>
      <c r="W91" s="256"/>
      <c r="X91" s="256"/>
      <c r="Y91" s="256"/>
      <c r="Z91" s="256"/>
      <c r="AA91" s="256"/>
      <c r="AB91" s="256"/>
    </row>
    <row r="92" spans="1:32" ht="36" customHeight="1">
      <c r="A92" s="64"/>
      <c r="B92" s="376" t="s">
        <v>276</v>
      </c>
      <c r="C92" s="377"/>
      <c r="D92" s="377"/>
      <c r="E92" s="377"/>
      <c r="F92" s="377"/>
      <c r="G92" s="377"/>
      <c r="H92" s="377"/>
      <c r="I92" s="377"/>
      <c r="J92" s="377"/>
      <c r="K92" s="377"/>
      <c r="L92" s="378"/>
      <c r="M92" s="256"/>
      <c r="N92" s="256"/>
      <c r="O92" s="256"/>
      <c r="P92" s="256"/>
      <c r="Q92" s="256"/>
      <c r="R92" s="256"/>
      <c r="S92" s="256"/>
      <c r="T92" s="256"/>
      <c r="U92" s="256"/>
      <c r="V92" s="256"/>
      <c r="W92" s="256"/>
      <c r="X92" s="256"/>
      <c r="Y92" s="256"/>
      <c r="Z92" s="256"/>
      <c r="AA92" s="256"/>
      <c r="AB92" s="256"/>
      <c r="AC92" s="256"/>
      <c r="AD92" s="256"/>
      <c r="AE92" s="256"/>
      <c r="AF92" s="256"/>
    </row>
    <row r="93" spans="1:32" ht="39.75" customHeight="1">
      <c r="A93" s="37" t="s">
        <v>85</v>
      </c>
      <c r="B93" s="38" t="s">
        <v>86</v>
      </c>
      <c r="C93" s="39" t="s">
        <v>87</v>
      </c>
      <c r="D93" s="40" t="s">
        <v>88</v>
      </c>
      <c r="E93" s="38" t="s">
        <v>368</v>
      </c>
      <c r="F93" s="89" t="s">
        <v>162</v>
      </c>
      <c r="G93" s="38" t="s">
        <v>369</v>
      </c>
      <c r="H93" s="89" t="s">
        <v>163</v>
      </c>
      <c r="I93" s="38" t="s">
        <v>370</v>
      </c>
      <c r="J93" s="89" t="s">
        <v>136</v>
      </c>
      <c r="K93" s="38" t="s">
        <v>357</v>
      </c>
      <c r="L93" s="89" t="s">
        <v>371</v>
      </c>
      <c r="M93" s="256"/>
      <c r="N93" s="256"/>
      <c r="O93" s="256"/>
      <c r="P93" s="256"/>
      <c r="Q93" s="256"/>
      <c r="R93" s="256"/>
      <c r="S93" s="256"/>
      <c r="T93" s="256"/>
      <c r="U93" s="256"/>
      <c r="V93" s="256"/>
      <c r="W93" s="256"/>
      <c r="X93" s="256"/>
      <c r="Y93" s="256"/>
      <c r="Z93" s="256"/>
      <c r="AA93" s="256"/>
      <c r="AB93" s="256"/>
      <c r="AC93" s="256"/>
      <c r="AD93" s="256"/>
      <c r="AE93" s="256"/>
      <c r="AF93" s="256"/>
    </row>
    <row r="94" spans="1:32" ht="72">
      <c r="A94" s="41"/>
      <c r="B94" s="42" t="s">
        <v>89</v>
      </c>
      <c r="C94" s="126" t="s">
        <v>360</v>
      </c>
      <c r="D94" s="44" t="s">
        <v>91</v>
      </c>
      <c r="E94" s="42" t="s">
        <v>181</v>
      </c>
      <c r="F94" s="91" t="s">
        <v>104</v>
      </c>
      <c r="G94" s="42" t="s">
        <v>182</v>
      </c>
      <c r="H94" s="91" t="s">
        <v>104</v>
      </c>
      <c r="I94" s="42" t="s">
        <v>183</v>
      </c>
      <c r="J94" s="91" t="s">
        <v>104</v>
      </c>
      <c r="K94" s="42" t="s">
        <v>357</v>
      </c>
      <c r="L94" s="91" t="s">
        <v>104</v>
      </c>
    </row>
    <row r="95" spans="1:32">
      <c r="A95" s="45" t="s">
        <v>436</v>
      </c>
      <c r="B95" s="190">
        <v>11008</v>
      </c>
      <c r="C95" s="84">
        <v>4.67</v>
      </c>
      <c r="D95" s="85">
        <v>1.9599999999999999E-2</v>
      </c>
      <c r="E95" s="188">
        <v>0.189</v>
      </c>
      <c r="F95" s="94">
        <v>7.4634173341499794E-3</v>
      </c>
      <c r="G95" s="188">
        <v>0.216</v>
      </c>
      <c r="H95" s="94">
        <v>7.8443490467367868E-3</v>
      </c>
      <c r="I95" s="188">
        <v>0.56899999999999995</v>
      </c>
      <c r="J95" s="94">
        <v>9.4383205836198036E-3</v>
      </c>
      <c r="K95" s="188">
        <v>2.5999999999999999E-2</v>
      </c>
      <c r="L95" s="94">
        <v>3.0426913391641314E-3</v>
      </c>
    </row>
    <row r="96" spans="1:32">
      <c r="A96" s="49" t="s">
        <v>437</v>
      </c>
      <c r="B96" s="49">
        <v>8860</v>
      </c>
      <c r="C96" s="170">
        <v>4.57</v>
      </c>
      <c r="D96" s="130">
        <v>3.9199999999999999E-2</v>
      </c>
      <c r="E96" s="189">
        <v>0.215</v>
      </c>
      <c r="F96" s="97">
        <v>8.7289791651642898E-3</v>
      </c>
      <c r="G96" s="189">
        <v>0.22</v>
      </c>
      <c r="H96" s="97">
        <v>8.8016331700968512E-3</v>
      </c>
      <c r="I96" s="189">
        <v>0.54900000000000004</v>
      </c>
      <c r="J96" s="97">
        <v>1.0570401050802519E-2</v>
      </c>
      <c r="K96" s="189">
        <v>1.7000000000000001E-2</v>
      </c>
      <c r="L96" s="97">
        <v>2.763341621824688E-3</v>
      </c>
    </row>
    <row r="97" spans="1:12">
      <c r="A97" s="53" t="s">
        <v>438</v>
      </c>
      <c r="B97" s="53">
        <v>1986</v>
      </c>
      <c r="C97" s="84">
        <v>4.92</v>
      </c>
      <c r="D97" s="85">
        <v>5.8799999999999998E-2</v>
      </c>
      <c r="E97" s="188">
        <v>0.13120000000000001</v>
      </c>
      <c r="F97" s="94">
        <v>1.5172892925373804E-2</v>
      </c>
      <c r="G97" s="188">
        <v>0.19359999999999999</v>
      </c>
      <c r="H97" s="94">
        <v>1.7735979477157507E-2</v>
      </c>
      <c r="I97" s="188">
        <v>0.63390000000000002</v>
      </c>
      <c r="J97" s="94">
        <v>2.1601358359796648E-2</v>
      </c>
      <c r="K97" s="188">
        <v>4.1399999999999999E-2</v>
      </c>
      <c r="L97" s="94">
        <v>9.0260008033036035E-3</v>
      </c>
    </row>
    <row r="98" spans="1:12">
      <c r="A98" s="49" t="s">
        <v>439</v>
      </c>
      <c r="B98" s="49">
        <v>905</v>
      </c>
      <c r="C98" s="170">
        <v>4.6100000000000003</v>
      </c>
      <c r="D98" s="130">
        <v>9.8000000000000004E-2</v>
      </c>
      <c r="E98" s="189">
        <v>0.20499999999999999</v>
      </c>
      <c r="F98" s="97">
        <v>2.6842588974097348E-2</v>
      </c>
      <c r="G98" s="189">
        <v>0.22</v>
      </c>
      <c r="H98" s="97">
        <v>2.7534434556429666E-2</v>
      </c>
      <c r="I98" s="189">
        <v>0.56100000000000005</v>
      </c>
      <c r="J98" s="97">
        <v>3.2922329238259142E-2</v>
      </c>
      <c r="K98" s="189">
        <v>1.4E-2</v>
      </c>
      <c r="L98" s="97">
        <v>8.3588807089439426E-3</v>
      </c>
    </row>
    <row r="99" spans="1:12">
      <c r="A99" s="53" t="s">
        <v>440</v>
      </c>
      <c r="B99" s="53">
        <v>715</v>
      </c>
      <c r="C99" s="84">
        <v>4.59</v>
      </c>
      <c r="D99" s="85">
        <v>0.1176</v>
      </c>
      <c r="E99" s="188">
        <v>0.20300000000000001</v>
      </c>
      <c r="F99" s="94">
        <v>3.009209166691406E-2</v>
      </c>
      <c r="G99" s="188">
        <v>0.23400000000000001</v>
      </c>
      <c r="H99" s="94">
        <v>3.1647315969747632E-2</v>
      </c>
      <c r="I99" s="188">
        <v>0.55600000000000005</v>
      </c>
      <c r="J99" s="94">
        <v>3.706167440712349E-2</v>
      </c>
      <c r="K99" s="188">
        <v>6.0000000000000001E-3</v>
      </c>
      <c r="L99" s="94">
        <v>6.9457381877870289E-3</v>
      </c>
    </row>
    <row r="100" spans="1:12" ht="25.5">
      <c r="A100" s="49" t="s">
        <v>453</v>
      </c>
      <c r="B100" s="49">
        <v>136</v>
      </c>
      <c r="C100" s="170">
        <v>4.42</v>
      </c>
      <c r="D100" s="130">
        <v>0.25480000000000003</v>
      </c>
      <c r="E100" s="189">
        <v>0.23599999999999999</v>
      </c>
      <c r="F100" s="97">
        <v>7.2551407169094542E-2</v>
      </c>
      <c r="G100" s="189">
        <v>0.19600000000000001</v>
      </c>
      <c r="H100" s="97">
        <v>6.8199177341720651E-2</v>
      </c>
      <c r="I100" s="189">
        <v>0.56200000000000006</v>
      </c>
      <c r="J100" s="97">
        <v>8.3900028807022714E-2</v>
      </c>
      <c r="K100" s="189">
        <v>7.0000000000000001E-3</v>
      </c>
      <c r="L100" s="97">
        <v>2.428468473207843E-2</v>
      </c>
    </row>
    <row r="101" spans="1:12">
      <c r="A101" s="53" t="s">
        <v>441</v>
      </c>
      <c r="B101" s="53">
        <v>79</v>
      </c>
      <c r="C101" s="84">
        <v>4.1500000000000004</v>
      </c>
      <c r="D101" s="85">
        <v>0.3528</v>
      </c>
      <c r="E101" s="188">
        <v>0.32</v>
      </c>
      <c r="F101" s="94">
        <v>0.10311945141952607</v>
      </c>
      <c r="G101" s="188">
        <v>0.16</v>
      </c>
      <c r="H101" s="94">
        <v>8.367282315123703E-2</v>
      </c>
      <c r="I101" s="188">
        <v>0.50700000000000001</v>
      </c>
      <c r="J101" s="94">
        <v>0.10975451448561696</v>
      </c>
      <c r="K101" s="188">
        <v>1.2999999999999999E-2</v>
      </c>
      <c r="L101" s="94">
        <v>4.1151982432453285E-2</v>
      </c>
    </row>
    <row r="102" spans="1:12">
      <c r="A102" s="49" t="s">
        <v>446</v>
      </c>
      <c r="B102" s="49">
        <v>165</v>
      </c>
      <c r="C102" s="170">
        <v>4.68</v>
      </c>
      <c r="D102" s="130">
        <v>0.21559999999999999</v>
      </c>
      <c r="E102" s="189">
        <v>0.16800000000000001</v>
      </c>
      <c r="F102" s="97">
        <v>5.8569122903862986E-2</v>
      </c>
      <c r="G102" s="189">
        <v>0.21199999999999999</v>
      </c>
      <c r="H102" s="97">
        <v>6.3606757408745218E-2</v>
      </c>
      <c r="I102" s="189">
        <v>0.59</v>
      </c>
      <c r="J102" s="97">
        <v>7.5725898471550063E-2</v>
      </c>
      <c r="K102" s="189">
        <v>0.03</v>
      </c>
      <c r="L102" s="97">
        <v>3.0550397034106936E-2</v>
      </c>
    </row>
    <row r="103" spans="1:12">
      <c r="A103" s="53" t="s">
        <v>447</v>
      </c>
      <c r="B103" s="53">
        <v>113</v>
      </c>
      <c r="C103" s="84">
        <v>4.63</v>
      </c>
      <c r="D103" s="85">
        <v>0.29399999999999998</v>
      </c>
      <c r="E103" s="188">
        <v>0.17100000000000001</v>
      </c>
      <c r="F103" s="94">
        <v>7.1380425287114094E-2</v>
      </c>
      <c r="G103" s="188">
        <v>0.23899999999999999</v>
      </c>
      <c r="H103" s="94">
        <v>7.9841129612804082E-2</v>
      </c>
      <c r="I103" s="188">
        <v>0.58099999999999996</v>
      </c>
      <c r="J103" s="94">
        <v>9.1311422927874891E-2</v>
      </c>
      <c r="K103" s="188">
        <v>8.9999999999999993E-3</v>
      </c>
      <c r="L103" s="94">
        <v>2.9306158881498897E-2</v>
      </c>
    </row>
    <row r="104" spans="1:12">
      <c r="A104" s="49" t="s">
        <v>442</v>
      </c>
      <c r="B104" s="49">
        <v>79</v>
      </c>
      <c r="C104" s="170">
        <v>4.5</v>
      </c>
      <c r="D104" s="130">
        <v>0.37240000000000001</v>
      </c>
      <c r="E104" s="189">
        <v>0.22500000000000001</v>
      </c>
      <c r="F104" s="97">
        <v>9.3522373922006186E-2</v>
      </c>
      <c r="G104" s="189">
        <v>0.26700000000000002</v>
      </c>
      <c r="H104" s="97">
        <v>9.8376602701682275E-2</v>
      </c>
      <c r="I104" s="189">
        <v>0.49399999999999999</v>
      </c>
      <c r="J104" s="97">
        <v>0.1097571001118474</v>
      </c>
      <c r="K104" s="189">
        <v>1.4E-2</v>
      </c>
      <c r="L104" s="97">
        <v>4.1664930853609498E-2</v>
      </c>
    </row>
    <row r="105" spans="1:12">
      <c r="A105" s="45" t="s">
        <v>448</v>
      </c>
      <c r="B105" s="190">
        <v>291</v>
      </c>
      <c r="C105" s="84">
        <v>4.8899999999999997</v>
      </c>
      <c r="D105" s="85">
        <v>0.1764</v>
      </c>
      <c r="E105" s="188">
        <v>0.16300000000000001</v>
      </c>
      <c r="F105" s="94">
        <v>4.3490105172748678E-2</v>
      </c>
      <c r="G105" s="188">
        <v>0.22</v>
      </c>
      <c r="H105" s="94">
        <v>4.8532594316954142E-2</v>
      </c>
      <c r="I105" s="188">
        <v>0.61399999999999999</v>
      </c>
      <c r="J105" s="94">
        <v>5.6730590739387819E-2</v>
      </c>
      <c r="K105" s="188">
        <v>3.0000000000000001E-3</v>
      </c>
      <c r="L105" s="94">
        <v>1.1435380873787277E-2</v>
      </c>
    </row>
    <row r="106" spans="1:12" ht="25.5">
      <c r="A106" s="49" t="s">
        <v>443</v>
      </c>
      <c r="B106" s="191">
        <v>127</v>
      </c>
      <c r="C106" s="170">
        <v>5.26</v>
      </c>
      <c r="D106" s="130">
        <v>0.21559999999999999</v>
      </c>
      <c r="E106" s="189">
        <v>6.4000000000000001E-2</v>
      </c>
      <c r="F106" s="97">
        <v>4.6671069441223081E-2</v>
      </c>
      <c r="G106" s="189">
        <v>0.219</v>
      </c>
      <c r="H106" s="97">
        <v>7.3263599530966075E-2</v>
      </c>
      <c r="I106" s="189">
        <v>0.71599999999999997</v>
      </c>
      <c r="J106" s="97">
        <v>7.9338817701246026E-2</v>
      </c>
      <c r="K106" s="189">
        <v>0</v>
      </c>
      <c r="L106" s="97">
        <v>2.1425595681499328E-2</v>
      </c>
    </row>
    <row r="107" spans="1:12" ht="25.5">
      <c r="A107" s="53" t="s">
        <v>444</v>
      </c>
      <c r="B107" s="54">
        <v>81</v>
      </c>
      <c r="C107" s="84">
        <v>4.3</v>
      </c>
      <c r="D107" s="85">
        <v>0.3528</v>
      </c>
      <c r="E107" s="188">
        <v>0.27200000000000002</v>
      </c>
      <c r="F107" s="94">
        <v>9.7689421785789321E-2</v>
      </c>
      <c r="G107" s="188">
        <v>0.29799999999999999</v>
      </c>
      <c r="H107" s="94">
        <v>0.10010488961937528</v>
      </c>
      <c r="I107" s="188">
        <v>0.41699999999999998</v>
      </c>
      <c r="J107" s="94">
        <v>0.10709954040734765</v>
      </c>
      <c r="K107" s="188">
        <v>1.2999999999999999E-2</v>
      </c>
      <c r="L107" s="94">
        <v>4.036747070634171E-2</v>
      </c>
    </row>
    <row r="108" spans="1:12">
      <c r="A108" s="49" t="s">
        <v>445</v>
      </c>
      <c r="B108" s="191">
        <v>83</v>
      </c>
      <c r="C108" s="170">
        <v>4.84</v>
      </c>
      <c r="D108" s="130">
        <v>0.37240000000000001</v>
      </c>
      <c r="E108" s="189">
        <v>0.217</v>
      </c>
      <c r="F108" s="97">
        <v>9.0237542653331934E-2</v>
      </c>
      <c r="G108" s="189">
        <v>0.16</v>
      </c>
      <c r="H108" s="97">
        <v>8.158924875187859E-2</v>
      </c>
      <c r="I108" s="189">
        <v>0.622</v>
      </c>
      <c r="J108" s="97">
        <v>0.10426605680917123</v>
      </c>
      <c r="K108" s="189">
        <v>0</v>
      </c>
      <c r="L108" s="97">
        <v>3.2134798233390625E-2</v>
      </c>
    </row>
    <row r="109" spans="1:12">
      <c r="A109" s="57" t="s">
        <v>449</v>
      </c>
      <c r="B109" s="190">
        <v>108</v>
      </c>
      <c r="C109" s="84">
        <v>4.4800000000000004</v>
      </c>
      <c r="D109" s="85">
        <v>0.29399999999999998</v>
      </c>
      <c r="E109" s="188">
        <v>0.23899999999999999</v>
      </c>
      <c r="F109" s="94">
        <v>8.1647740036012856E-2</v>
      </c>
      <c r="G109" s="188">
        <v>0.27700000000000002</v>
      </c>
      <c r="H109" s="94">
        <v>8.5306096244564381E-2</v>
      </c>
      <c r="I109" s="188">
        <v>0.48399999999999999</v>
      </c>
      <c r="J109" s="94">
        <v>9.4446122052975159E-2</v>
      </c>
      <c r="K109" s="188">
        <v>0</v>
      </c>
      <c r="L109" s="94">
        <v>2.5027317436669111E-2</v>
      </c>
    </row>
    <row r="110" spans="1:12">
      <c r="A110" s="49" t="s">
        <v>454</v>
      </c>
      <c r="B110" s="191">
        <v>83</v>
      </c>
      <c r="C110" s="170">
        <v>3.88</v>
      </c>
      <c r="D110" s="130">
        <v>0.37240000000000001</v>
      </c>
      <c r="E110" s="189">
        <v>0.44900000000000001</v>
      </c>
      <c r="F110" s="97">
        <v>0.10670243815361347</v>
      </c>
      <c r="G110" s="189">
        <v>0.16400000000000001</v>
      </c>
      <c r="H110" s="97">
        <v>8.2279756075666954E-2</v>
      </c>
      <c r="I110" s="189">
        <v>0.35299999999999998</v>
      </c>
      <c r="J110" s="97">
        <v>0.10290769338422293</v>
      </c>
      <c r="K110" s="189">
        <v>3.5000000000000003E-2</v>
      </c>
      <c r="L110" s="97">
        <v>4.9457137467010442E-2</v>
      </c>
    </row>
    <row r="118" spans="1:45">
      <c r="P118" s="256"/>
      <c r="Q118" s="256"/>
      <c r="R118" s="256"/>
      <c r="S118" s="256"/>
      <c r="T118" s="256"/>
      <c r="U118" s="256"/>
      <c r="V118" s="256"/>
      <c r="W118" s="256"/>
      <c r="X118" s="256"/>
      <c r="Y118" s="256"/>
      <c r="Z118" s="256"/>
      <c r="AA118" s="256"/>
      <c r="AB118" s="256"/>
      <c r="AC118" s="256"/>
      <c r="AD118" s="256"/>
      <c r="AE118" s="256"/>
      <c r="AF118" s="256"/>
      <c r="AG118" s="256"/>
      <c r="AH118" s="256"/>
      <c r="AI118" s="256"/>
      <c r="AJ118" s="256"/>
      <c r="AK118" s="256"/>
      <c r="AL118" s="256"/>
      <c r="AM118" s="256"/>
      <c r="AN118" s="256"/>
      <c r="AO118" s="256"/>
      <c r="AP118" s="256"/>
      <c r="AQ118" s="256"/>
      <c r="AR118" s="256"/>
      <c r="AS118" s="256"/>
    </row>
    <row r="119" spans="1:45" ht="18.75">
      <c r="A119" s="388" t="s">
        <v>15</v>
      </c>
      <c r="B119" s="388"/>
      <c r="C119" s="388"/>
      <c r="D119" s="388"/>
    </row>
    <row r="120" spans="1:45" ht="69" customHeight="1">
      <c r="A120" s="386" t="s">
        <v>490</v>
      </c>
      <c r="B120" s="386"/>
      <c r="C120" s="386"/>
      <c r="D120" s="386"/>
    </row>
    <row r="121" spans="1:45" ht="36" customHeight="1">
      <c r="A121" s="364" t="s">
        <v>279</v>
      </c>
      <c r="B121" s="364"/>
      <c r="C121" s="364"/>
      <c r="D121" s="364"/>
    </row>
    <row r="122" spans="1:45" ht="40.5" customHeight="1">
      <c r="A122" s="37" t="s">
        <v>85</v>
      </c>
      <c r="B122" s="38" t="s">
        <v>86</v>
      </c>
      <c r="C122" s="39" t="s">
        <v>87</v>
      </c>
      <c r="D122" s="40" t="s">
        <v>88</v>
      </c>
    </row>
    <row r="123" spans="1:45" ht="72">
      <c r="A123" s="41"/>
      <c r="B123" s="42" t="s">
        <v>89</v>
      </c>
      <c r="C123" s="126" t="s">
        <v>280</v>
      </c>
      <c r="D123" s="44" t="s">
        <v>91</v>
      </c>
    </row>
    <row r="124" spans="1:45">
      <c r="A124" s="45" t="s">
        <v>436</v>
      </c>
      <c r="B124" s="196">
        <v>10969</v>
      </c>
      <c r="C124" s="197">
        <v>4.75</v>
      </c>
      <c r="D124" s="198">
        <v>3.9199999999999999E-2</v>
      </c>
    </row>
    <row r="125" spans="1:45">
      <c r="A125" s="49" t="s">
        <v>437</v>
      </c>
      <c r="B125" s="49">
        <v>8844</v>
      </c>
      <c r="C125" s="200">
        <v>4.47</v>
      </c>
      <c r="D125" s="201">
        <v>3.9199999999999999E-2</v>
      </c>
    </row>
    <row r="126" spans="1:45">
      <c r="A126" s="53" t="s">
        <v>438</v>
      </c>
      <c r="B126" s="53">
        <v>1961</v>
      </c>
      <c r="C126" s="197">
        <v>5.23</v>
      </c>
      <c r="D126" s="198">
        <v>5.8799999999999998E-2</v>
      </c>
    </row>
    <row r="127" spans="1:45">
      <c r="A127" s="49" t="s">
        <v>439</v>
      </c>
      <c r="B127" s="49">
        <v>898</v>
      </c>
      <c r="C127" s="200">
        <v>4.7699999999999996</v>
      </c>
      <c r="D127" s="201">
        <v>0.1176</v>
      </c>
    </row>
    <row r="128" spans="1:45">
      <c r="A128" s="53" t="s">
        <v>440</v>
      </c>
      <c r="B128" s="53">
        <v>718</v>
      </c>
      <c r="C128" s="197">
        <v>4.54</v>
      </c>
      <c r="D128" s="198">
        <v>0.1176</v>
      </c>
    </row>
    <row r="129" spans="1:4" ht="25.5">
      <c r="A129" s="49" t="s">
        <v>453</v>
      </c>
      <c r="B129" s="49">
        <v>134</v>
      </c>
      <c r="C129" s="200">
        <v>5.31</v>
      </c>
      <c r="D129" s="201">
        <v>0.27440000000000003</v>
      </c>
    </row>
    <row r="130" spans="1:4">
      <c r="A130" s="53" t="s">
        <v>441</v>
      </c>
      <c r="B130" s="53">
        <v>79</v>
      </c>
      <c r="C130" s="197">
        <v>5.09</v>
      </c>
      <c r="D130" s="198">
        <v>0.39200000000000002</v>
      </c>
    </row>
    <row r="131" spans="1:4">
      <c r="A131" s="49" t="s">
        <v>446</v>
      </c>
      <c r="B131" s="49">
        <v>162</v>
      </c>
      <c r="C131" s="200">
        <v>5.05</v>
      </c>
      <c r="D131" s="201">
        <v>0.21559999999999999</v>
      </c>
    </row>
    <row r="132" spans="1:4">
      <c r="A132" s="53" t="s">
        <v>447</v>
      </c>
      <c r="B132" s="53">
        <v>113</v>
      </c>
      <c r="C132" s="197">
        <v>3.88</v>
      </c>
      <c r="D132" s="198">
        <v>0.29399999999999998</v>
      </c>
    </row>
    <row r="133" spans="1:4">
      <c r="A133" s="49" t="s">
        <v>442</v>
      </c>
      <c r="B133" s="49">
        <v>79</v>
      </c>
      <c r="C133" s="200">
        <v>3.76</v>
      </c>
      <c r="D133" s="201">
        <v>0.3332</v>
      </c>
    </row>
    <row r="134" spans="1:4">
      <c r="A134" s="45" t="s">
        <v>448</v>
      </c>
      <c r="B134" s="196">
        <v>288</v>
      </c>
      <c r="C134" s="197">
        <v>4.72</v>
      </c>
      <c r="D134" s="198">
        <v>0.19600000000000001</v>
      </c>
    </row>
    <row r="135" spans="1:4" ht="25.5">
      <c r="A135" s="49" t="s">
        <v>443</v>
      </c>
      <c r="B135" s="199">
        <v>126</v>
      </c>
      <c r="C135" s="200">
        <v>4.72</v>
      </c>
      <c r="D135" s="201">
        <v>0.27440000000000003</v>
      </c>
    </row>
    <row r="136" spans="1:4" ht="25.5">
      <c r="A136" s="53" t="s">
        <v>444</v>
      </c>
      <c r="B136" s="83">
        <v>80</v>
      </c>
      <c r="C136" s="197">
        <v>4.1500000000000004</v>
      </c>
      <c r="D136" s="198">
        <v>0.43119999999999997</v>
      </c>
    </row>
    <row r="137" spans="1:4">
      <c r="A137" s="49" t="s">
        <v>445</v>
      </c>
      <c r="B137" s="199">
        <v>82</v>
      </c>
      <c r="C137" s="200">
        <v>5.16</v>
      </c>
      <c r="D137" s="201">
        <v>0.3332</v>
      </c>
    </row>
    <row r="138" spans="1:4">
      <c r="A138" s="57" t="s">
        <v>449</v>
      </c>
      <c r="B138" s="196">
        <v>109</v>
      </c>
      <c r="C138" s="197">
        <v>4.71</v>
      </c>
      <c r="D138" s="198">
        <v>0.31359999999999999</v>
      </c>
    </row>
    <row r="139" spans="1:4">
      <c r="A139" s="49" t="s">
        <v>454</v>
      </c>
      <c r="B139" s="199">
        <v>83</v>
      </c>
      <c r="C139" s="200">
        <v>4.67</v>
      </c>
      <c r="D139" s="201">
        <v>0.39200000000000002</v>
      </c>
    </row>
    <row r="140" spans="1:4">
      <c r="A140" s="241"/>
      <c r="B140" s="241"/>
      <c r="C140" s="241"/>
      <c r="D140" s="241"/>
    </row>
    <row r="141" spans="1:4">
      <c r="A141" s="241"/>
      <c r="B141" s="241"/>
      <c r="C141" s="241"/>
      <c r="D141" s="241"/>
    </row>
    <row r="142" spans="1:4">
      <c r="A142" s="241"/>
      <c r="B142" s="241"/>
      <c r="C142" s="241"/>
      <c r="D142" s="241"/>
    </row>
    <row r="143" spans="1:4">
      <c r="A143" s="241"/>
      <c r="B143" s="241"/>
      <c r="C143" s="241"/>
      <c r="D143" s="241"/>
    </row>
    <row r="144" spans="1:4">
      <c r="A144" s="241"/>
      <c r="B144" s="241"/>
      <c r="C144" s="241"/>
      <c r="D144" s="241"/>
    </row>
    <row r="145" spans="1:49">
      <c r="A145" s="241"/>
      <c r="B145" s="241"/>
      <c r="C145" s="241"/>
      <c r="D145" s="241"/>
    </row>
    <row r="146" spans="1:49">
      <c r="A146" s="241"/>
      <c r="B146" s="241"/>
      <c r="C146" s="241"/>
      <c r="D146" s="241"/>
    </row>
    <row r="147" spans="1:49" s="248" customFormat="1">
      <c r="A147" s="241"/>
      <c r="B147" s="260"/>
      <c r="C147" s="261"/>
      <c r="D147" s="262"/>
    </row>
    <row r="148" spans="1:49" ht="18.75">
      <c r="A148" s="324" t="s">
        <v>15</v>
      </c>
      <c r="B148" s="324"/>
      <c r="C148" s="324"/>
      <c r="D148" s="324"/>
      <c r="E148" s="324"/>
      <c r="F148" s="324"/>
      <c r="G148" s="324"/>
      <c r="H148" s="324"/>
      <c r="I148" s="324"/>
      <c r="J148" s="324"/>
      <c r="K148" s="324"/>
      <c r="L148" s="324"/>
      <c r="M148" s="324"/>
      <c r="N148" s="324"/>
      <c r="O148" s="324"/>
      <c r="P148" s="324"/>
      <c r="Q148" s="324"/>
      <c r="R148" s="324"/>
      <c r="S148" s="324"/>
      <c r="T148" s="226"/>
      <c r="U148" s="226"/>
      <c r="V148" s="226"/>
      <c r="W148" s="226"/>
      <c r="X148" s="226"/>
      <c r="Y148" s="226"/>
      <c r="Z148" s="226"/>
      <c r="AA148" s="226"/>
      <c r="AB148" s="226"/>
      <c r="AC148" s="226"/>
      <c r="AD148" s="226"/>
      <c r="AE148" s="226"/>
      <c r="AF148" s="226"/>
      <c r="AG148" s="226"/>
      <c r="AH148" s="226"/>
      <c r="AI148" s="226"/>
      <c r="AJ148" s="226"/>
      <c r="AK148" s="256"/>
      <c r="AL148" s="256"/>
      <c r="AM148" s="256"/>
      <c r="AN148" s="256"/>
      <c r="AO148" s="256"/>
      <c r="AP148" s="256"/>
      <c r="AQ148" s="256"/>
      <c r="AR148" s="256"/>
      <c r="AS148" s="256"/>
    </row>
    <row r="149" spans="1:49" ht="53.25" customHeight="1">
      <c r="A149" s="389" t="s">
        <v>491</v>
      </c>
      <c r="B149" s="389"/>
      <c r="C149" s="389"/>
      <c r="D149" s="389"/>
      <c r="E149" s="389"/>
      <c r="F149" s="389"/>
      <c r="G149" s="389"/>
      <c r="H149" s="389"/>
      <c r="I149" s="389"/>
      <c r="J149" s="389"/>
      <c r="K149" s="389"/>
      <c r="L149" s="389"/>
      <c r="M149" s="389"/>
      <c r="N149" s="389"/>
      <c r="O149" s="389"/>
      <c r="P149" s="389"/>
      <c r="Q149" s="389"/>
      <c r="R149" s="389"/>
      <c r="S149" s="389"/>
      <c r="T149" s="257"/>
      <c r="U149" s="257"/>
      <c r="V149" s="257"/>
      <c r="W149" s="257"/>
      <c r="X149" s="257"/>
      <c r="Y149" s="257"/>
      <c r="Z149" s="257"/>
      <c r="AA149" s="257"/>
      <c r="AB149" s="257"/>
      <c r="AC149" s="257"/>
      <c r="AD149" s="257"/>
      <c r="AE149" s="257"/>
      <c r="AF149" s="257"/>
      <c r="AG149" s="257"/>
      <c r="AH149" s="257"/>
      <c r="AI149" s="257"/>
      <c r="AJ149" s="257"/>
      <c r="AK149" s="256"/>
      <c r="AL149" s="256"/>
      <c r="AM149" s="256"/>
      <c r="AN149" s="256"/>
      <c r="AO149" s="256"/>
      <c r="AP149" s="256"/>
      <c r="AQ149" s="256"/>
      <c r="AR149" s="256"/>
      <c r="AS149" s="256"/>
    </row>
    <row r="150" spans="1:49" ht="33" customHeight="1">
      <c r="A150" s="64"/>
      <c r="B150" s="376" t="s">
        <v>277</v>
      </c>
      <c r="C150" s="377"/>
      <c r="D150" s="377"/>
      <c r="E150" s="377"/>
      <c r="F150" s="377"/>
      <c r="G150" s="377"/>
      <c r="H150" s="377"/>
      <c r="I150" s="377"/>
      <c r="J150" s="378"/>
      <c r="K150" s="376" t="s">
        <v>278</v>
      </c>
      <c r="L150" s="377"/>
      <c r="M150" s="377"/>
      <c r="N150" s="377"/>
      <c r="O150" s="377"/>
      <c r="P150" s="377"/>
      <c r="Q150" s="377"/>
      <c r="R150" s="377"/>
      <c r="S150" s="378"/>
      <c r="T150" s="256"/>
      <c r="U150" s="256"/>
      <c r="V150" s="256"/>
      <c r="W150" s="256"/>
      <c r="X150" s="256"/>
      <c r="Y150" s="256"/>
      <c r="Z150" s="256"/>
      <c r="AA150" s="256"/>
      <c r="AB150" s="256"/>
      <c r="AC150" s="256"/>
      <c r="AD150" s="256"/>
      <c r="AE150" s="256"/>
      <c r="AF150" s="256"/>
      <c r="AG150" s="256"/>
      <c r="AH150" s="256"/>
      <c r="AI150" s="256"/>
      <c r="AJ150" s="256"/>
      <c r="AK150" s="256"/>
      <c r="AL150" s="256"/>
      <c r="AM150" s="256"/>
      <c r="AN150" s="256"/>
      <c r="AO150" s="256"/>
      <c r="AP150" s="256"/>
      <c r="AQ150" s="256"/>
      <c r="AR150" s="256"/>
      <c r="AS150" s="256"/>
      <c r="AT150" s="256"/>
      <c r="AU150" s="256"/>
      <c r="AV150" s="256"/>
      <c r="AW150" s="256"/>
    </row>
    <row r="151" spans="1:49" ht="41.25" customHeight="1">
      <c r="A151" s="37" t="s">
        <v>85</v>
      </c>
      <c r="B151" s="38" t="s">
        <v>86</v>
      </c>
      <c r="C151" s="38" t="s">
        <v>368</v>
      </c>
      <c r="D151" s="89" t="s">
        <v>162</v>
      </c>
      <c r="E151" s="38" t="s">
        <v>369</v>
      </c>
      <c r="F151" s="89" t="s">
        <v>163</v>
      </c>
      <c r="G151" s="38" t="s">
        <v>370</v>
      </c>
      <c r="H151" s="89" t="s">
        <v>136</v>
      </c>
      <c r="I151" s="38" t="s">
        <v>357</v>
      </c>
      <c r="J151" s="89" t="s">
        <v>371</v>
      </c>
      <c r="K151" s="65" t="s">
        <v>86</v>
      </c>
      <c r="L151" s="65" t="s">
        <v>368</v>
      </c>
      <c r="M151" s="88" t="s">
        <v>162</v>
      </c>
      <c r="N151" s="65" t="s">
        <v>369</v>
      </c>
      <c r="O151" s="88" t="s">
        <v>163</v>
      </c>
      <c r="P151" s="65" t="s">
        <v>370</v>
      </c>
      <c r="Q151" s="259" t="s">
        <v>136</v>
      </c>
      <c r="R151" s="276" t="s">
        <v>357</v>
      </c>
      <c r="S151" s="88" t="s">
        <v>371</v>
      </c>
      <c r="T151" s="256"/>
      <c r="U151" s="256"/>
      <c r="V151" s="256"/>
      <c r="W151" s="256"/>
      <c r="X151" s="256"/>
      <c r="Y151" s="256"/>
      <c r="Z151" s="256"/>
      <c r="AA151" s="256"/>
      <c r="AB151" s="256"/>
      <c r="AC151" s="256"/>
      <c r="AD151" s="256"/>
      <c r="AE151" s="256"/>
      <c r="AF151" s="256"/>
      <c r="AG151" s="256"/>
      <c r="AH151" s="256"/>
      <c r="AI151" s="256"/>
      <c r="AJ151" s="256"/>
      <c r="AK151" s="256"/>
      <c r="AL151" s="256"/>
      <c r="AM151" s="256"/>
      <c r="AN151" s="256"/>
      <c r="AO151" s="256"/>
      <c r="AP151" s="256"/>
      <c r="AQ151" s="256"/>
      <c r="AR151" s="256"/>
      <c r="AS151" s="256"/>
      <c r="AT151" s="256"/>
      <c r="AU151" s="256"/>
      <c r="AV151" s="256"/>
      <c r="AW151" s="256"/>
    </row>
    <row r="152" spans="1:49" ht="72">
      <c r="A152" s="41"/>
      <c r="B152" s="42" t="s">
        <v>89</v>
      </c>
      <c r="C152" s="42" t="s">
        <v>181</v>
      </c>
      <c r="D152" s="91" t="s">
        <v>104</v>
      </c>
      <c r="E152" s="42" t="s">
        <v>182</v>
      </c>
      <c r="F152" s="91" t="s">
        <v>104</v>
      </c>
      <c r="G152" s="42" t="s">
        <v>183</v>
      </c>
      <c r="H152" s="91" t="s">
        <v>104</v>
      </c>
      <c r="I152" s="42" t="s">
        <v>357</v>
      </c>
      <c r="J152" s="91" t="s">
        <v>104</v>
      </c>
      <c r="K152" s="68" t="s">
        <v>89</v>
      </c>
      <c r="L152" s="68" t="s">
        <v>181</v>
      </c>
      <c r="M152" s="90" t="s">
        <v>104</v>
      </c>
      <c r="N152" s="68" t="s">
        <v>182</v>
      </c>
      <c r="O152" s="90" t="s">
        <v>104</v>
      </c>
      <c r="P152" s="68" t="s">
        <v>183</v>
      </c>
      <c r="Q152" s="273" t="s">
        <v>104</v>
      </c>
      <c r="R152" s="277" t="s">
        <v>357</v>
      </c>
      <c r="S152" s="90" t="s">
        <v>104</v>
      </c>
    </row>
    <row r="153" spans="1:49">
      <c r="A153" s="45" t="s">
        <v>436</v>
      </c>
      <c r="B153" s="192">
        <v>10994</v>
      </c>
      <c r="C153" s="194">
        <v>0.217</v>
      </c>
      <c r="D153" s="94">
        <v>7.8624575307479055E-3</v>
      </c>
      <c r="E153" s="194">
        <v>0.157</v>
      </c>
      <c r="F153" s="94">
        <v>6.9402815415828926E-3</v>
      </c>
      <c r="G153" s="194">
        <v>0.61599999999999999</v>
      </c>
      <c r="H153" s="94">
        <v>9.2755162322826542E-3</v>
      </c>
      <c r="I153" s="194">
        <v>0.01</v>
      </c>
      <c r="J153" s="94">
        <v>1.9142005459587045E-3</v>
      </c>
      <c r="K153" s="192">
        <v>10936</v>
      </c>
      <c r="L153" s="194">
        <v>0.23499999999999999</v>
      </c>
      <c r="M153" s="94">
        <v>8.1086394769137194E-3</v>
      </c>
      <c r="N153" s="194">
        <v>0.16400000000000001</v>
      </c>
      <c r="O153" s="94">
        <v>7.0823451583750634E-3</v>
      </c>
      <c r="P153" s="194">
        <v>0.58499999999999996</v>
      </c>
      <c r="Q153" s="274">
        <v>9.4216732988684944E-3</v>
      </c>
      <c r="R153" s="194">
        <v>1.6E-2</v>
      </c>
      <c r="S153" s="94">
        <v>2.4122835457088109E-3</v>
      </c>
    </row>
    <row r="154" spans="1:49">
      <c r="A154" s="49" t="s">
        <v>437</v>
      </c>
      <c r="B154" s="193">
        <v>8846</v>
      </c>
      <c r="C154" s="195">
        <v>0.27100000000000002</v>
      </c>
      <c r="D154" s="97">
        <v>9.4505885646016148E-3</v>
      </c>
      <c r="E154" s="195">
        <v>0.17199999999999999</v>
      </c>
      <c r="F154" s="97">
        <v>8.0257559714557187E-3</v>
      </c>
      <c r="G154" s="195">
        <v>0.55200000000000005</v>
      </c>
      <c r="H154" s="97">
        <v>1.0572289624566604E-2</v>
      </c>
      <c r="I154" s="195">
        <v>5.0000000000000001E-3</v>
      </c>
      <c r="J154" s="97">
        <v>1.5325384533886575E-3</v>
      </c>
      <c r="K154" s="193">
        <v>8788</v>
      </c>
      <c r="L154" s="195">
        <v>0.30599999999999999</v>
      </c>
      <c r="M154" s="97">
        <v>9.8301831780381651E-3</v>
      </c>
      <c r="N154" s="195">
        <v>0.16300000000000001</v>
      </c>
      <c r="O154" s="97">
        <v>7.8814670423614352E-3</v>
      </c>
      <c r="P154" s="195">
        <v>0.51700000000000002</v>
      </c>
      <c r="Q154" s="275">
        <v>1.065872412000966E-2</v>
      </c>
      <c r="R154" s="195">
        <v>1.4999999999999999E-2</v>
      </c>
      <c r="S154" s="97">
        <v>2.6113933540104304E-3</v>
      </c>
    </row>
    <row r="155" spans="1:49">
      <c r="A155" s="53" t="s">
        <v>438</v>
      </c>
      <c r="B155" s="192">
        <v>1981</v>
      </c>
      <c r="C155" s="194">
        <v>0.11840000000000001</v>
      </c>
      <c r="D155" s="94">
        <v>1.454379121715217E-2</v>
      </c>
      <c r="E155" s="194">
        <v>0.1258</v>
      </c>
      <c r="F155" s="94">
        <v>1.4924706173141757E-2</v>
      </c>
      <c r="G155" s="194">
        <v>0.74</v>
      </c>
      <c r="H155" s="94">
        <v>1.9702160485177807E-2</v>
      </c>
      <c r="I155" s="194">
        <v>1.5800000000000002E-2</v>
      </c>
      <c r="J155" s="94">
        <v>5.7652294295213189E-3</v>
      </c>
      <c r="K155" s="192">
        <v>1977</v>
      </c>
      <c r="L155" s="194">
        <v>0.13400000000000001</v>
      </c>
      <c r="M155" s="94">
        <v>1.5342919645146553E-2</v>
      </c>
      <c r="N155" s="194">
        <v>0.14299999999999999</v>
      </c>
      <c r="O155" s="94">
        <v>1.5763597186087424E-2</v>
      </c>
      <c r="P155" s="194">
        <v>0.70889999999999997</v>
      </c>
      <c r="Q155" s="274">
        <v>2.0421447639730615E-2</v>
      </c>
      <c r="R155" s="194">
        <v>1.41E-2</v>
      </c>
      <c r="S155" s="94">
        <v>5.4765214894881694E-3</v>
      </c>
    </row>
    <row r="156" spans="1:49">
      <c r="A156" s="49" t="s">
        <v>439</v>
      </c>
      <c r="B156" s="193">
        <v>904</v>
      </c>
      <c r="C156" s="195">
        <v>0.19600000000000001</v>
      </c>
      <c r="D156" s="97">
        <v>2.6415557791496212E-2</v>
      </c>
      <c r="E156" s="195">
        <v>0.17100000000000001</v>
      </c>
      <c r="F156" s="97">
        <v>2.5073509953409071E-2</v>
      </c>
      <c r="G156" s="195">
        <v>0.61099999999999999</v>
      </c>
      <c r="H156" s="97">
        <v>3.2365432419079888E-2</v>
      </c>
      <c r="I156" s="195">
        <v>2.1000000000000001E-2</v>
      </c>
      <c r="J156" s="97">
        <v>9.9726617389483182E-3</v>
      </c>
      <c r="K156" s="193">
        <v>898</v>
      </c>
      <c r="L156" s="195">
        <v>0.216</v>
      </c>
      <c r="M156" s="97">
        <v>2.7461544682955509E-2</v>
      </c>
      <c r="N156" s="195">
        <v>0.19900000000000001</v>
      </c>
      <c r="O156" s="97">
        <v>2.6653793764422382E-2</v>
      </c>
      <c r="P156" s="195">
        <v>0.56899999999999995</v>
      </c>
      <c r="Q156" s="275">
        <v>3.2980618681073104E-2</v>
      </c>
      <c r="R156" s="195">
        <v>1.6E-2</v>
      </c>
      <c r="S156" s="97">
        <v>8.8888309684844007E-3</v>
      </c>
    </row>
    <row r="157" spans="1:49">
      <c r="A157" s="53" t="s">
        <v>440</v>
      </c>
      <c r="B157" s="192">
        <v>719</v>
      </c>
      <c r="C157" s="194">
        <v>0.27700000000000002</v>
      </c>
      <c r="D157" s="94">
        <v>3.3332204373200759E-2</v>
      </c>
      <c r="E157" s="194">
        <v>0.17699999999999999</v>
      </c>
      <c r="F157" s="94">
        <v>2.8500778445843436E-2</v>
      </c>
      <c r="G157" s="194">
        <v>0.54200000000000004</v>
      </c>
      <c r="H157" s="94">
        <v>3.7060413067799891E-2</v>
      </c>
      <c r="I157" s="194">
        <v>4.0000000000000001E-3</v>
      </c>
      <c r="J157" s="94">
        <v>6.0877122854682223E-3</v>
      </c>
      <c r="K157" s="192">
        <v>713</v>
      </c>
      <c r="L157" s="194">
        <v>0.24199999999999999</v>
      </c>
      <c r="M157" s="94">
        <v>3.2054401359524101E-2</v>
      </c>
      <c r="N157" s="194">
        <v>0.221</v>
      </c>
      <c r="O157" s="94">
        <v>3.106883491710331E-2</v>
      </c>
      <c r="P157" s="194">
        <v>0.52500000000000002</v>
      </c>
      <c r="Q157" s="274">
        <v>3.7299493084661808E-2</v>
      </c>
      <c r="R157" s="194">
        <v>1.2E-2</v>
      </c>
      <c r="S157" s="94">
        <v>8.9958006631636733E-3</v>
      </c>
    </row>
    <row r="158" spans="1:49" ht="25.5">
      <c r="A158" s="49" t="s">
        <v>453</v>
      </c>
      <c r="B158" s="193">
        <v>136</v>
      </c>
      <c r="C158" s="195">
        <v>0.114</v>
      </c>
      <c r="D158" s="97">
        <v>5.5907175045555146E-2</v>
      </c>
      <c r="E158" s="195">
        <v>0.127</v>
      </c>
      <c r="F158" s="97">
        <v>5.8237850695611305E-2</v>
      </c>
      <c r="G158" s="195">
        <v>0.753</v>
      </c>
      <c r="H158" s="97">
        <v>7.3600544426938114E-2</v>
      </c>
      <c r="I158" s="195">
        <v>6.0000000000000001E-3</v>
      </c>
      <c r="J158" s="97">
        <v>2.3730451337884588E-2</v>
      </c>
      <c r="K158" s="193">
        <v>135</v>
      </c>
      <c r="L158" s="195">
        <v>0.16200000000000001</v>
      </c>
      <c r="M158" s="97">
        <v>6.397764608108733E-2</v>
      </c>
      <c r="N158" s="195">
        <v>8.6999999999999994E-2</v>
      </c>
      <c r="O158" s="97">
        <v>5.0638135088862224E-2</v>
      </c>
      <c r="P158" s="195">
        <v>0.73699999999999999</v>
      </c>
      <c r="Q158" s="275">
        <v>7.5296485216837614E-2</v>
      </c>
      <c r="R158" s="195">
        <v>1.2999999999999999E-2</v>
      </c>
      <c r="S158" s="97">
        <v>2.7502576101060265E-2</v>
      </c>
    </row>
    <row r="159" spans="1:49">
      <c r="A159" s="53" t="s">
        <v>441</v>
      </c>
      <c r="B159" s="192">
        <v>79</v>
      </c>
      <c r="C159" s="194">
        <v>0.153</v>
      </c>
      <c r="D159" s="94">
        <v>8.2408629693345725E-2</v>
      </c>
      <c r="E159" s="194">
        <v>0.17199999999999999</v>
      </c>
      <c r="F159" s="94">
        <v>8.5738654083118773E-2</v>
      </c>
      <c r="G159" s="194">
        <v>0.67600000000000005</v>
      </c>
      <c r="H159" s="94">
        <v>0.1034204648612724</v>
      </c>
      <c r="I159" s="194">
        <v>0</v>
      </c>
      <c r="J159" s="94">
        <v>3.3664360151118053E-2</v>
      </c>
      <c r="K159" s="192">
        <v>78</v>
      </c>
      <c r="L159" s="194">
        <v>0.223</v>
      </c>
      <c r="M159" s="94">
        <v>9.3853590359886246E-2</v>
      </c>
      <c r="N159" s="194">
        <v>0.108</v>
      </c>
      <c r="O159" s="94">
        <v>7.3571588079696867E-2</v>
      </c>
      <c r="P159" s="194">
        <v>0.66800000000000004</v>
      </c>
      <c r="Q159" s="274">
        <v>0.10463931102737455</v>
      </c>
      <c r="R159" s="194">
        <v>0</v>
      </c>
      <c r="S159" s="94">
        <v>3.406977052534528E-2</v>
      </c>
    </row>
    <row r="160" spans="1:49">
      <c r="A160" s="49" t="s">
        <v>446</v>
      </c>
      <c r="B160" s="193">
        <v>165</v>
      </c>
      <c r="C160" s="195">
        <v>7.4999999999999997E-2</v>
      </c>
      <c r="D160" s="97">
        <v>4.2918419632848127E-2</v>
      </c>
      <c r="E160" s="195">
        <v>0.112</v>
      </c>
      <c r="F160" s="97">
        <v>5.0206203858347696E-2</v>
      </c>
      <c r="G160" s="195">
        <v>0.745</v>
      </c>
      <c r="H160" s="97">
        <v>6.7549288398838281E-2</v>
      </c>
      <c r="I160" s="195">
        <v>6.7000000000000004E-2</v>
      </c>
      <c r="J160" s="97">
        <v>4.1074672009240296E-2</v>
      </c>
      <c r="K160" s="193">
        <v>165</v>
      </c>
      <c r="L160" s="195">
        <v>0.20599999999999999</v>
      </c>
      <c r="M160" s="97">
        <v>6.2984401776430235E-2</v>
      </c>
      <c r="N160" s="195">
        <v>0.14499999999999999</v>
      </c>
      <c r="O160" s="97">
        <v>5.5442294902094555E-2</v>
      </c>
      <c r="P160" s="195">
        <v>0.627</v>
      </c>
      <c r="Q160" s="275">
        <v>7.4520235514117183E-2</v>
      </c>
      <c r="R160" s="195">
        <v>2.1999999999999999E-2</v>
      </c>
      <c r="S160" s="97">
        <v>2.7608339744945164E-2</v>
      </c>
    </row>
    <row r="161" spans="1:19">
      <c r="A161" s="53" t="s">
        <v>447</v>
      </c>
      <c r="B161" s="192">
        <v>112</v>
      </c>
      <c r="C161" s="194">
        <v>0.379</v>
      </c>
      <c r="D161" s="94">
        <v>9.0277601587064576E-2</v>
      </c>
      <c r="E161" s="194">
        <v>0.248</v>
      </c>
      <c r="F161" s="94">
        <v>8.1112964247162217E-2</v>
      </c>
      <c r="G161" s="194">
        <v>0.36299999999999999</v>
      </c>
      <c r="H161" s="94">
        <v>8.953964568142754E-2</v>
      </c>
      <c r="I161" s="194">
        <v>8.9999999999999993E-3</v>
      </c>
      <c r="J161" s="94">
        <v>2.9512484753483104E-2</v>
      </c>
      <c r="K161" s="192">
        <v>112</v>
      </c>
      <c r="L161" s="194">
        <v>0.29299999999999998</v>
      </c>
      <c r="M161" s="94">
        <v>8.5107468246557058E-2</v>
      </c>
      <c r="N161" s="194">
        <v>0.35099999999999998</v>
      </c>
      <c r="O161" s="94">
        <v>8.8921450248182668E-2</v>
      </c>
      <c r="P161" s="194">
        <v>0.35499999999999998</v>
      </c>
      <c r="Q161" s="274">
        <v>8.9133762324984891E-2</v>
      </c>
      <c r="R161" s="194">
        <v>0</v>
      </c>
      <c r="S161" s="94">
        <v>2.4171880321350918E-2</v>
      </c>
    </row>
    <row r="162" spans="1:19">
      <c r="A162" s="49" t="s">
        <v>442</v>
      </c>
      <c r="B162" s="193">
        <v>78</v>
      </c>
      <c r="C162" s="195">
        <v>0.39300000000000002</v>
      </c>
      <c r="D162" s="97">
        <v>0.10811934063625972</v>
      </c>
      <c r="E162" s="195">
        <v>0.23499999999999999</v>
      </c>
      <c r="F162" s="97">
        <v>9.5370680312563294E-2</v>
      </c>
      <c r="G162" s="195">
        <v>0.35799999999999998</v>
      </c>
      <c r="H162" s="97">
        <v>0.10632560175108759</v>
      </c>
      <c r="I162" s="195">
        <v>1.4E-2</v>
      </c>
      <c r="J162" s="97">
        <v>4.2071643490200636E-2</v>
      </c>
      <c r="K162" s="193">
        <v>79</v>
      </c>
      <c r="L162" s="195">
        <v>0.38900000000000001</v>
      </c>
      <c r="M162" s="97">
        <v>0.10728589217947553</v>
      </c>
      <c r="N162" s="195">
        <v>0.253</v>
      </c>
      <c r="O162" s="97">
        <v>9.6873955992510891E-2</v>
      </c>
      <c r="P162" s="195">
        <v>0.35799999999999998</v>
      </c>
      <c r="Q162" s="275">
        <v>0.10567800293423986</v>
      </c>
      <c r="R162" s="195">
        <v>0</v>
      </c>
      <c r="S162" s="97">
        <v>3.3664360151118053E-2</v>
      </c>
    </row>
    <row r="163" spans="1:19">
      <c r="A163" s="45" t="s">
        <v>448</v>
      </c>
      <c r="B163" s="192">
        <v>291</v>
      </c>
      <c r="C163" s="194">
        <v>0.251</v>
      </c>
      <c r="D163" s="94">
        <v>5.0712748217576376E-2</v>
      </c>
      <c r="E163" s="194">
        <v>0.16200000000000001</v>
      </c>
      <c r="F163" s="94">
        <v>4.3387593011829421E-2</v>
      </c>
      <c r="G163" s="194">
        <v>0.58099999999999996</v>
      </c>
      <c r="H163" s="94">
        <v>5.7474028817110924E-2</v>
      </c>
      <c r="I163" s="194">
        <v>7.0000000000000001E-3</v>
      </c>
      <c r="J163" s="94">
        <v>1.3528362420408568E-2</v>
      </c>
      <c r="K163" s="192">
        <v>287</v>
      </c>
      <c r="L163" s="194">
        <v>0.221</v>
      </c>
      <c r="M163" s="94">
        <v>4.8945477927171348E-2</v>
      </c>
      <c r="N163" s="194">
        <v>0.20899999999999999</v>
      </c>
      <c r="O163" s="94">
        <v>4.800214771827413E-2</v>
      </c>
      <c r="P163" s="194">
        <v>0.55300000000000005</v>
      </c>
      <c r="Q163" s="274">
        <v>5.8299816698845063E-2</v>
      </c>
      <c r="R163" s="194">
        <v>1.7000000000000001E-2</v>
      </c>
      <c r="S163" s="94">
        <v>1.7811677952668289E-2</v>
      </c>
    </row>
    <row r="164" spans="1:19" ht="25.5">
      <c r="A164" s="49" t="s">
        <v>443</v>
      </c>
      <c r="B164" s="193">
        <v>127</v>
      </c>
      <c r="C164" s="195">
        <v>0.22</v>
      </c>
      <c r="D164" s="97">
        <v>7.3373392079314759E-2</v>
      </c>
      <c r="E164" s="195">
        <v>0.18099999999999999</v>
      </c>
      <c r="F164" s="97">
        <v>6.8653024194385709E-2</v>
      </c>
      <c r="G164" s="195">
        <v>0.6</v>
      </c>
      <c r="H164" s="97">
        <v>8.5712347540021577E-2</v>
      </c>
      <c r="I164" s="195">
        <v>0</v>
      </c>
      <c r="J164" s="97">
        <v>2.1425595681499328E-2</v>
      </c>
      <c r="K164" s="193">
        <v>126</v>
      </c>
      <c r="L164" s="195">
        <v>0.22500000000000001</v>
      </c>
      <c r="M164" s="97">
        <v>7.4204965316077801E-2</v>
      </c>
      <c r="N164" s="195">
        <v>0.24</v>
      </c>
      <c r="O164" s="97">
        <v>7.5751821506406428E-2</v>
      </c>
      <c r="P164" s="195">
        <v>0.52100000000000002</v>
      </c>
      <c r="Q164" s="275">
        <v>8.7633102447164615E-2</v>
      </c>
      <c r="R164" s="195">
        <v>1.4E-2</v>
      </c>
      <c r="S164" s="97">
        <v>2.9412462532191281E-2</v>
      </c>
    </row>
    <row r="165" spans="1:19" ht="25.5">
      <c r="A165" s="53" t="s">
        <v>444</v>
      </c>
      <c r="B165" s="192">
        <v>80</v>
      </c>
      <c r="C165" s="194">
        <v>0.47199999999999998</v>
      </c>
      <c r="D165" s="94">
        <v>0.1089536574461797</v>
      </c>
      <c r="E165" s="194">
        <v>0.13800000000000001</v>
      </c>
      <c r="F165" s="94">
        <v>7.9023573645235559E-2</v>
      </c>
      <c r="G165" s="194">
        <v>0.39</v>
      </c>
      <c r="H165" s="94">
        <v>0.10668711336262858</v>
      </c>
      <c r="I165" s="194">
        <v>0</v>
      </c>
      <c r="J165" s="94">
        <v>3.326848242884628E-2</v>
      </c>
      <c r="K165" s="192">
        <v>77</v>
      </c>
      <c r="L165" s="194">
        <v>0.29699999999999999</v>
      </c>
      <c r="M165" s="94">
        <v>0.10250216023126425</v>
      </c>
      <c r="N165" s="194">
        <v>0.309</v>
      </c>
      <c r="O165" s="94">
        <v>0.10352624698299417</v>
      </c>
      <c r="P165" s="194">
        <v>0.378</v>
      </c>
      <c r="Q165" s="274">
        <v>0.10808084029459206</v>
      </c>
      <c r="R165" s="194">
        <v>1.6E-2</v>
      </c>
      <c r="S165" s="94">
        <v>4.349492721825627E-2</v>
      </c>
    </row>
    <row r="166" spans="1:19">
      <c r="A166" s="49" t="s">
        <v>445</v>
      </c>
      <c r="B166" s="193">
        <v>84</v>
      </c>
      <c r="C166" s="195">
        <v>0.125</v>
      </c>
      <c r="D166" s="97">
        <v>7.4427677949326254E-2</v>
      </c>
      <c r="E166" s="195">
        <v>0.154</v>
      </c>
      <c r="F166" s="97">
        <v>8.003406252676383E-2</v>
      </c>
      <c r="G166" s="195">
        <v>0.7</v>
      </c>
      <c r="H166" s="97">
        <v>9.8524043906289119E-2</v>
      </c>
      <c r="I166" s="195">
        <v>2.1000000000000001E-2</v>
      </c>
      <c r="J166" s="97">
        <v>4.313995251945598E-2</v>
      </c>
      <c r="K166" s="193">
        <v>84</v>
      </c>
      <c r="L166" s="195">
        <v>0.157</v>
      </c>
      <c r="M166" s="97">
        <v>8.056710562407042E-2</v>
      </c>
      <c r="N166" s="195">
        <v>0.09</v>
      </c>
      <c r="O166" s="97">
        <v>6.6344316784837584E-2</v>
      </c>
      <c r="P166" s="195">
        <v>0.73099999999999998</v>
      </c>
      <c r="Q166" s="275">
        <v>9.5674578650757597E-2</v>
      </c>
      <c r="R166" s="195">
        <v>2.1000000000000001E-2</v>
      </c>
      <c r="S166" s="97">
        <v>4.313995251945598E-2</v>
      </c>
    </row>
    <row r="167" spans="1:19">
      <c r="A167" s="57" t="s">
        <v>449</v>
      </c>
      <c r="B167" s="192">
        <v>108</v>
      </c>
      <c r="C167" s="194">
        <v>0.26400000000000001</v>
      </c>
      <c r="D167" s="94">
        <v>8.4136633115843004E-2</v>
      </c>
      <c r="E167" s="194">
        <v>0.16700000000000001</v>
      </c>
      <c r="F167" s="94">
        <v>7.2429818939765619E-2</v>
      </c>
      <c r="G167" s="194">
        <v>0.56899999999999995</v>
      </c>
      <c r="H167" s="94">
        <v>9.3650756751669395E-2</v>
      </c>
      <c r="I167" s="194">
        <v>0</v>
      </c>
      <c r="J167" s="94">
        <v>2.5027317436669111E-2</v>
      </c>
      <c r="K167" s="192">
        <v>108</v>
      </c>
      <c r="L167" s="194">
        <v>0.216</v>
      </c>
      <c r="M167" s="94">
        <v>7.9057453183049659E-2</v>
      </c>
      <c r="N167" s="194">
        <v>0.17299999999999999</v>
      </c>
      <c r="O167" s="94">
        <v>7.3332022990269946E-2</v>
      </c>
      <c r="P167" s="194">
        <v>0.60299999999999998</v>
      </c>
      <c r="Q167" s="274">
        <v>9.2608093950978368E-2</v>
      </c>
      <c r="R167" s="194">
        <v>8.0000000000000002E-3</v>
      </c>
      <c r="S167" s="94">
        <v>2.9831389635418846E-2</v>
      </c>
    </row>
    <row r="168" spans="1:19">
      <c r="A168" s="49" t="s">
        <v>454</v>
      </c>
      <c r="B168" s="193">
        <v>83</v>
      </c>
      <c r="C168" s="195">
        <v>0.155</v>
      </c>
      <c r="D168" s="97">
        <v>8.0706142811782705E-2</v>
      </c>
      <c r="E168" s="195">
        <v>0.34699999999999998</v>
      </c>
      <c r="F168" s="97">
        <v>0.10254106388577013</v>
      </c>
      <c r="G168" s="195">
        <v>0.497</v>
      </c>
      <c r="H168" s="97">
        <v>0.10720949704055625</v>
      </c>
      <c r="I168" s="195">
        <v>0</v>
      </c>
      <c r="J168" s="97">
        <v>3.2134798233390625E-2</v>
      </c>
      <c r="K168" s="193">
        <v>82</v>
      </c>
      <c r="L168" s="195">
        <v>0.19900000000000001</v>
      </c>
      <c r="M168" s="97">
        <v>8.8299437697385241E-2</v>
      </c>
      <c r="N168" s="195">
        <v>0.29799999999999999</v>
      </c>
      <c r="O168" s="97">
        <v>9.9511235394747377E-2</v>
      </c>
      <c r="P168" s="195">
        <v>0.45600000000000002</v>
      </c>
      <c r="Q168" s="275">
        <v>0.10745251083313398</v>
      </c>
      <c r="R168" s="195">
        <v>4.7E-2</v>
      </c>
      <c r="S168" s="97">
        <v>5.4318729564497369E-2</v>
      </c>
    </row>
    <row r="177" spans="1:10" ht="18.75">
      <c r="A177" s="316" t="s">
        <v>433</v>
      </c>
      <c r="B177" s="316"/>
      <c r="C177" s="316"/>
      <c r="D177" s="316"/>
      <c r="E177" s="226"/>
      <c r="F177" s="226"/>
      <c r="G177" s="226"/>
      <c r="H177" s="226"/>
      <c r="I177" s="226"/>
      <c r="J177" s="248"/>
    </row>
    <row r="178" spans="1:10" ht="134.25" customHeight="1">
      <c r="A178" s="385" t="s">
        <v>492</v>
      </c>
      <c r="B178" s="385"/>
      <c r="C178" s="385"/>
      <c r="D178" s="385"/>
      <c r="E178" s="278"/>
      <c r="F178" s="278"/>
      <c r="G178" s="278"/>
      <c r="H178" s="278"/>
      <c r="I178" s="278"/>
    </row>
    <row r="179" spans="1:10" ht="36" customHeight="1">
      <c r="A179" s="364" t="s">
        <v>166</v>
      </c>
      <c r="B179" s="364"/>
      <c r="C179" s="364"/>
      <c r="D179" s="364"/>
    </row>
    <row r="180" spans="1:10" ht="40.5" customHeight="1">
      <c r="A180" s="37" t="s">
        <v>85</v>
      </c>
      <c r="B180" s="38" t="s">
        <v>86</v>
      </c>
      <c r="C180" s="39" t="s">
        <v>87</v>
      </c>
      <c r="D180" s="40" t="s">
        <v>88</v>
      </c>
    </row>
    <row r="181" spans="1:10" ht="72">
      <c r="A181" s="41"/>
      <c r="B181" s="42" t="s">
        <v>89</v>
      </c>
      <c r="C181" s="126" t="s">
        <v>167</v>
      </c>
      <c r="D181" s="44" t="s">
        <v>91</v>
      </c>
    </row>
    <row r="182" spans="1:10">
      <c r="A182" s="45" t="s">
        <v>436</v>
      </c>
      <c r="B182" s="196">
        <v>10992</v>
      </c>
      <c r="C182" s="84">
        <v>3.79</v>
      </c>
      <c r="D182" s="85">
        <v>1.9599999999999999E-2</v>
      </c>
    </row>
    <row r="183" spans="1:10">
      <c r="A183" s="49" t="s">
        <v>437</v>
      </c>
      <c r="B183" s="49">
        <v>8875</v>
      </c>
      <c r="C183" s="200">
        <v>3.72</v>
      </c>
      <c r="D183" s="201">
        <v>1.9599999999999999E-2</v>
      </c>
    </row>
    <row r="184" spans="1:10">
      <c r="A184" s="53" t="s">
        <v>438</v>
      </c>
      <c r="B184" s="53">
        <v>1959</v>
      </c>
      <c r="C184" s="84">
        <v>4.0999999999999996</v>
      </c>
      <c r="D184" s="85">
        <v>5.8799999999999998E-2</v>
      </c>
    </row>
    <row r="185" spans="1:10">
      <c r="A185" s="49" t="s">
        <v>439</v>
      </c>
      <c r="B185" s="49">
        <v>904</v>
      </c>
      <c r="C185" s="200">
        <v>3.82</v>
      </c>
      <c r="D185" s="201">
        <v>7.8399999999999997E-2</v>
      </c>
    </row>
    <row r="186" spans="1:10">
      <c r="A186" s="53" t="s">
        <v>440</v>
      </c>
      <c r="B186" s="53">
        <v>722</v>
      </c>
      <c r="C186" s="84">
        <v>3.76</v>
      </c>
      <c r="D186" s="85">
        <v>9.8000000000000004E-2</v>
      </c>
    </row>
    <row r="187" spans="1:10" ht="25.5">
      <c r="A187" s="49" t="s">
        <v>453</v>
      </c>
      <c r="B187" s="49">
        <v>136</v>
      </c>
      <c r="C187" s="200">
        <v>4.5999999999999996</v>
      </c>
      <c r="D187" s="201">
        <v>0.19600000000000001</v>
      </c>
    </row>
    <row r="188" spans="1:10">
      <c r="A188" s="53" t="s">
        <v>441</v>
      </c>
      <c r="B188" s="53">
        <v>79</v>
      </c>
      <c r="C188" s="84">
        <v>4.5199999999999996</v>
      </c>
      <c r="D188" s="85">
        <v>0.25480000000000003</v>
      </c>
    </row>
    <row r="189" spans="1:10">
      <c r="A189" s="49" t="s">
        <v>446</v>
      </c>
      <c r="B189" s="49">
        <v>162</v>
      </c>
      <c r="C189" s="200">
        <v>3.95</v>
      </c>
      <c r="D189" s="201">
        <v>0.19600000000000001</v>
      </c>
    </row>
    <row r="190" spans="1:10">
      <c r="A190" s="53" t="s">
        <v>447</v>
      </c>
      <c r="B190" s="53">
        <v>113</v>
      </c>
      <c r="C190" s="84">
        <v>3.5</v>
      </c>
      <c r="D190" s="85">
        <v>0.21559999999999999</v>
      </c>
    </row>
    <row r="191" spans="1:10">
      <c r="A191" s="49" t="s">
        <v>442</v>
      </c>
      <c r="B191" s="49">
        <v>79</v>
      </c>
      <c r="C191" s="200">
        <v>3.15</v>
      </c>
      <c r="D191" s="201">
        <v>0.19600000000000001</v>
      </c>
    </row>
    <row r="192" spans="1:10">
      <c r="A192" s="45" t="s">
        <v>448</v>
      </c>
      <c r="B192" s="196">
        <v>291</v>
      </c>
      <c r="C192" s="84">
        <v>3.42</v>
      </c>
      <c r="D192" s="85">
        <v>0.13720000000000002</v>
      </c>
    </row>
    <row r="193" spans="1:46" ht="25.5">
      <c r="A193" s="49" t="s">
        <v>443</v>
      </c>
      <c r="B193" s="199">
        <v>127</v>
      </c>
      <c r="C193" s="200">
        <v>3.43</v>
      </c>
      <c r="D193" s="201">
        <v>0.1764</v>
      </c>
    </row>
    <row r="194" spans="1:46" ht="25.5">
      <c r="A194" s="53" t="s">
        <v>444</v>
      </c>
      <c r="B194" s="83">
        <v>81</v>
      </c>
      <c r="C194" s="84">
        <v>4.1900000000000004</v>
      </c>
      <c r="D194" s="85">
        <v>0.23519999999999999</v>
      </c>
    </row>
    <row r="195" spans="1:46">
      <c r="A195" s="49" t="s">
        <v>445</v>
      </c>
      <c r="B195" s="199">
        <v>83</v>
      </c>
      <c r="C195" s="200">
        <v>2.81</v>
      </c>
      <c r="D195" s="201">
        <v>0.21559999999999999</v>
      </c>
    </row>
    <row r="196" spans="1:46">
      <c r="A196" s="57" t="s">
        <v>449</v>
      </c>
      <c r="B196" s="196">
        <v>109</v>
      </c>
      <c r="C196" s="84">
        <v>3.55</v>
      </c>
      <c r="D196" s="85">
        <v>0.25480000000000003</v>
      </c>
    </row>
    <row r="197" spans="1:46">
      <c r="A197" s="49" t="s">
        <v>454</v>
      </c>
      <c r="B197" s="199">
        <v>84</v>
      </c>
      <c r="C197" s="200">
        <v>4.13</v>
      </c>
      <c r="D197" s="201">
        <v>0.25480000000000003</v>
      </c>
    </row>
    <row r="206" spans="1:46" ht="18.75">
      <c r="A206" s="316" t="s">
        <v>52</v>
      </c>
      <c r="B206" s="316"/>
      <c r="C206" s="316"/>
      <c r="D206" s="316"/>
      <c r="E206" s="316"/>
      <c r="F206" s="316"/>
      <c r="G206" s="316"/>
      <c r="H206" s="316"/>
      <c r="I206" s="316"/>
      <c r="J206" s="316"/>
      <c r="K206" s="316"/>
      <c r="L206" s="316"/>
      <c r="M206" s="316"/>
      <c r="N206" s="316"/>
      <c r="O206" s="316"/>
      <c r="P206" s="316"/>
      <c r="Q206" s="316"/>
      <c r="R206" s="316"/>
      <c r="S206" s="316"/>
      <c r="T206" s="316"/>
      <c r="U206" s="316"/>
      <c r="V206" s="316"/>
      <c r="W206" s="316"/>
      <c r="X206" s="316"/>
      <c r="Y206" s="316"/>
      <c r="Z206" s="316"/>
      <c r="AA206" s="316"/>
      <c r="AB206" s="316"/>
      <c r="AC206" s="316"/>
      <c r="AD206" s="316"/>
      <c r="AE206" s="316"/>
      <c r="AF206" s="316"/>
      <c r="AG206" s="316"/>
      <c r="AH206" s="316"/>
      <c r="AI206" s="316"/>
      <c r="AJ206" s="316"/>
      <c r="AK206" s="316"/>
      <c r="AL206" s="316"/>
      <c r="AM206" s="316"/>
      <c r="AN206" s="316"/>
      <c r="AO206" s="316"/>
      <c r="AP206" s="316"/>
      <c r="AQ206" s="316"/>
      <c r="AR206" s="316"/>
      <c r="AS206" s="316"/>
      <c r="AT206" s="316"/>
    </row>
    <row r="207" spans="1:46" ht="54" customHeight="1">
      <c r="A207" s="385" t="s">
        <v>493</v>
      </c>
      <c r="B207" s="385"/>
      <c r="C207" s="385"/>
      <c r="D207" s="385"/>
      <c r="E207" s="385"/>
      <c r="F207" s="385"/>
      <c r="G207" s="385"/>
      <c r="H207" s="385"/>
      <c r="I207" s="385"/>
      <c r="J207" s="385"/>
      <c r="K207" s="385"/>
      <c r="L207" s="385"/>
      <c r="M207" s="385"/>
      <c r="N207" s="385"/>
      <c r="O207" s="385"/>
      <c r="P207" s="385"/>
      <c r="Q207" s="385"/>
      <c r="R207" s="385"/>
      <c r="S207" s="385"/>
      <c r="T207" s="385"/>
      <c r="U207" s="385"/>
      <c r="V207" s="385"/>
      <c r="W207" s="385"/>
      <c r="X207" s="385"/>
      <c r="Y207" s="385"/>
      <c r="Z207" s="385"/>
      <c r="AA207" s="385"/>
      <c r="AB207" s="385"/>
      <c r="AC207" s="385"/>
      <c r="AD207" s="385"/>
      <c r="AE207" s="385"/>
      <c r="AF207" s="385"/>
      <c r="AG207" s="385"/>
      <c r="AH207" s="385"/>
      <c r="AI207" s="385"/>
      <c r="AJ207" s="385"/>
      <c r="AK207" s="385"/>
      <c r="AL207" s="385"/>
      <c r="AM207" s="385"/>
      <c r="AN207" s="385"/>
      <c r="AO207" s="385"/>
      <c r="AP207" s="385"/>
      <c r="AQ207" s="385"/>
      <c r="AR207" s="385"/>
      <c r="AS207" s="385"/>
      <c r="AT207" s="385"/>
    </row>
    <row r="208" spans="1:46" ht="32.25" customHeight="1">
      <c r="A208" s="64"/>
      <c r="B208" s="376" t="s">
        <v>346</v>
      </c>
      <c r="C208" s="377"/>
      <c r="D208" s="377"/>
      <c r="E208" s="377"/>
      <c r="F208" s="377"/>
      <c r="G208" s="377"/>
      <c r="H208" s="377"/>
      <c r="I208" s="377"/>
      <c r="J208" s="378"/>
      <c r="K208" s="376" t="s">
        <v>347</v>
      </c>
      <c r="L208" s="377"/>
      <c r="M208" s="377"/>
      <c r="N208" s="377"/>
      <c r="O208" s="377"/>
      <c r="P208" s="377"/>
      <c r="Q208" s="377"/>
      <c r="R208" s="377"/>
      <c r="S208" s="378"/>
      <c r="T208" s="376" t="s">
        <v>348</v>
      </c>
      <c r="U208" s="377"/>
      <c r="V208" s="377"/>
      <c r="W208" s="377"/>
      <c r="X208" s="377"/>
      <c r="Y208" s="377"/>
      <c r="Z208" s="377"/>
      <c r="AA208" s="377"/>
      <c r="AB208" s="378"/>
      <c r="AC208" s="376" t="s">
        <v>349</v>
      </c>
      <c r="AD208" s="377"/>
      <c r="AE208" s="377"/>
      <c r="AF208" s="377"/>
      <c r="AG208" s="377"/>
      <c r="AH208" s="377"/>
      <c r="AI208" s="377"/>
      <c r="AJ208" s="377"/>
      <c r="AK208" s="378"/>
      <c r="AL208" s="376" t="s">
        <v>350</v>
      </c>
      <c r="AM208" s="377"/>
      <c r="AN208" s="377"/>
      <c r="AO208" s="377"/>
      <c r="AP208" s="377"/>
      <c r="AQ208" s="377"/>
      <c r="AR208" s="377"/>
      <c r="AS208" s="377"/>
      <c r="AT208" s="378"/>
    </row>
    <row r="209" spans="1:46" ht="60.75" customHeight="1">
      <c r="A209" s="37" t="s">
        <v>85</v>
      </c>
      <c r="B209" s="38" t="s">
        <v>86</v>
      </c>
      <c r="C209" s="38" t="s">
        <v>257</v>
      </c>
      <c r="D209" s="89" t="s">
        <v>351</v>
      </c>
      <c r="E209" s="38" t="s">
        <v>352</v>
      </c>
      <c r="F209" s="89" t="s">
        <v>319</v>
      </c>
      <c r="G209" s="38" t="s">
        <v>353</v>
      </c>
      <c r="H209" s="89" t="s">
        <v>320</v>
      </c>
      <c r="I209" s="38" t="s">
        <v>357</v>
      </c>
      <c r="J209" s="89" t="s">
        <v>371</v>
      </c>
      <c r="K209" s="65" t="s">
        <v>86</v>
      </c>
      <c r="L209" s="65" t="s">
        <v>427</v>
      </c>
      <c r="M209" s="88" t="s">
        <v>428</v>
      </c>
      <c r="N209" s="65" t="s">
        <v>423</v>
      </c>
      <c r="O209" s="88" t="s">
        <v>425</v>
      </c>
      <c r="P209" s="65" t="s">
        <v>429</v>
      </c>
      <c r="Q209" s="88" t="s">
        <v>430</v>
      </c>
      <c r="R209" s="276" t="s">
        <v>357</v>
      </c>
      <c r="S209" s="88" t="s">
        <v>371</v>
      </c>
      <c r="T209" s="38" t="s">
        <v>86</v>
      </c>
      <c r="U209" s="38" t="s">
        <v>427</v>
      </c>
      <c r="V209" s="89" t="s">
        <v>428</v>
      </c>
      <c r="W209" s="38" t="s">
        <v>423</v>
      </c>
      <c r="X209" s="89" t="s">
        <v>425</v>
      </c>
      <c r="Y209" s="38" t="s">
        <v>429</v>
      </c>
      <c r="Z209" s="89" t="s">
        <v>430</v>
      </c>
      <c r="AA209" s="38" t="s">
        <v>357</v>
      </c>
      <c r="AB209" s="89" t="s">
        <v>371</v>
      </c>
      <c r="AC209" s="65" t="s">
        <v>86</v>
      </c>
      <c r="AD209" s="65" t="s">
        <v>427</v>
      </c>
      <c r="AE209" s="88" t="s">
        <v>428</v>
      </c>
      <c r="AF209" s="65" t="s">
        <v>423</v>
      </c>
      <c r="AG209" s="88" t="s">
        <v>425</v>
      </c>
      <c r="AH209" s="65" t="s">
        <v>429</v>
      </c>
      <c r="AI209" s="88" t="s">
        <v>430</v>
      </c>
      <c r="AJ209" s="65" t="s">
        <v>357</v>
      </c>
      <c r="AK209" s="88" t="s">
        <v>371</v>
      </c>
      <c r="AL209" s="38" t="s">
        <v>86</v>
      </c>
      <c r="AM209" s="38" t="s">
        <v>427</v>
      </c>
      <c r="AN209" s="89" t="s">
        <v>428</v>
      </c>
      <c r="AO209" s="38" t="s">
        <v>423</v>
      </c>
      <c r="AP209" s="89" t="s">
        <v>425</v>
      </c>
      <c r="AQ209" s="38" t="s">
        <v>429</v>
      </c>
      <c r="AR209" s="89" t="s">
        <v>430</v>
      </c>
      <c r="AS209" s="38" t="s">
        <v>357</v>
      </c>
      <c r="AT209" s="89" t="s">
        <v>371</v>
      </c>
    </row>
    <row r="210" spans="1:46" ht="72">
      <c r="A210" s="41"/>
      <c r="B210" s="42" t="s">
        <v>89</v>
      </c>
      <c r="C210" s="42" t="s">
        <v>181</v>
      </c>
      <c r="D210" s="91" t="s">
        <v>104</v>
      </c>
      <c r="E210" s="42" t="s">
        <v>182</v>
      </c>
      <c r="F210" s="91" t="s">
        <v>104</v>
      </c>
      <c r="G210" s="42" t="s">
        <v>183</v>
      </c>
      <c r="H210" s="91" t="s">
        <v>104</v>
      </c>
      <c r="I210" s="42" t="s">
        <v>357</v>
      </c>
      <c r="J210" s="91" t="s">
        <v>104</v>
      </c>
      <c r="K210" s="68" t="s">
        <v>89</v>
      </c>
      <c r="L210" s="68" t="s">
        <v>422</v>
      </c>
      <c r="M210" s="90" t="s">
        <v>104</v>
      </c>
      <c r="N210" s="68" t="s">
        <v>424</v>
      </c>
      <c r="O210" s="90" t="s">
        <v>104</v>
      </c>
      <c r="P210" s="68" t="s">
        <v>181</v>
      </c>
      <c r="Q210" s="90" t="s">
        <v>104</v>
      </c>
      <c r="R210" s="277" t="s">
        <v>357</v>
      </c>
      <c r="S210" s="90" t="s">
        <v>104</v>
      </c>
      <c r="T210" s="42" t="s">
        <v>89</v>
      </c>
      <c r="U210" s="42" t="s">
        <v>422</v>
      </c>
      <c r="V210" s="91" t="s">
        <v>104</v>
      </c>
      <c r="W210" s="42" t="s">
        <v>424</v>
      </c>
      <c r="X210" s="91" t="s">
        <v>104</v>
      </c>
      <c r="Y210" s="42" t="s">
        <v>181</v>
      </c>
      <c r="Z210" s="91" t="s">
        <v>104</v>
      </c>
      <c r="AA210" s="42" t="s">
        <v>357</v>
      </c>
      <c r="AB210" s="91" t="s">
        <v>104</v>
      </c>
      <c r="AC210" s="68" t="s">
        <v>89</v>
      </c>
      <c r="AD210" s="68" t="s">
        <v>422</v>
      </c>
      <c r="AE210" s="90" t="s">
        <v>104</v>
      </c>
      <c r="AF210" s="68" t="s">
        <v>424</v>
      </c>
      <c r="AG210" s="90" t="s">
        <v>104</v>
      </c>
      <c r="AH210" s="68" t="s">
        <v>181</v>
      </c>
      <c r="AI210" s="90" t="s">
        <v>104</v>
      </c>
      <c r="AJ210" s="68" t="s">
        <v>357</v>
      </c>
      <c r="AK210" s="90" t="s">
        <v>104</v>
      </c>
      <c r="AL210" s="42" t="s">
        <v>89</v>
      </c>
      <c r="AM210" s="42" t="s">
        <v>422</v>
      </c>
      <c r="AN210" s="91" t="s">
        <v>104</v>
      </c>
      <c r="AO210" s="42" t="s">
        <v>424</v>
      </c>
      <c r="AP210" s="91" t="s">
        <v>104</v>
      </c>
      <c r="AQ210" s="42" t="s">
        <v>181</v>
      </c>
      <c r="AR210" s="91" t="s">
        <v>104</v>
      </c>
      <c r="AS210" s="42" t="s">
        <v>357</v>
      </c>
      <c r="AT210" s="91" t="s">
        <v>104</v>
      </c>
    </row>
    <row r="211" spans="1:46">
      <c r="A211" s="45" t="s">
        <v>436</v>
      </c>
      <c r="B211" s="196">
        <v>10961</v>
      </c>
      <c r="C211" s="202">
        <v>0.14099999999999999</v>
      </c>
      <c r="D211" s="94">
        <v>6.6496731982213864E-3</v>
      </c>
      <c r="E211" s="202">
        <v>0.16800000000000001</v>
      </c>
      <c r="F211" s="94">
        <v>7.1427731357552237E-3</v>
      </c>
      <c r="G211" s="202">
        <v>0.68</v>
      </c>
      <c r="H211" s="94">
        <v>8.9100205820281352E-3</v>
      </c>
      <c r="I211" s="202">
        <v>1.2E-2</v>
      </c>
      <c r="J211" s="94">
        <v>2.0948521605220535E-3</v>
      </c>
      <c r="K211" s="196">
        <v>10984</v>
      </c>
      <c r="L211" s="202">
        <v>0.24762340161244129</v>
      </c>
      <c r="M211" s="94">
        <v>8.2364143383151945E-3</v>
      </c>
      <c r="N211" s="202">
        <v>0.42597845827984321</v>
      </c>
      <c r="O211" s="94">
        <v>9.4347875729083579E-3</v>
      </c>
      <c r="P211" s="202">
        <v>0.25040651474367437</v>
      </c>
      <c r="Q211" s="94">
        <v>8.2672075167569154E-3</v>
      </c>
      <c r="R211" s="202">
        <v>7.5991625364043358E-2</v>
      </c>
      <c r="S211" s="94">
        <v>5.0605280136049573E-3</v>
      </c>
      <c r="T211" s="196">
        <v>11013</v>
      </c>
      <c r="U211" s="202">
        <v>0.38190920252164035</v>
      </c>
      <c r="V211" s="94">
        <v>9.2579287671147731E-3</v>
      </c>
      <c r="W211" s="202">
        <v>0.31175161858371059</v>
      </c>
      <c r="X211" s="94">
        <v>8.8267599421445828E-3</v>
      </c>
      <c r="Y211" s="202">
        <v>0.13993233793948978</v>
      </c>
      <c r="Z211" s="94">
        <v>6.6129226233515963E-3</v>
      </c>
      <c r="AA211" s="202">
        <v>0.16640684095515595</v>
      </c>
      <c r="AB211" s="94">
        <v>7.098840526480737E-3</v>
      </c>
      <c r="AC211" s="196">
        <v>11013</v>
      </c>
      <c r="AD211" s="202">
        <v>0.35199999999999998</v>
      </c>
      <c r="AE211" s="94">
        <v>9.1006475318986639E-3</v>
      </c>
      <c r="AF211" s="202">
        <v>0.34399999999999997</v>
      </c>
      <c r="AG211" s="94">
        <v>9.0520399674367223E-3</v>
      </c>
      <c r="AH211" s="202">
        <v>0.14300000000000002</v>
      </c>
      <c r="AI211" s="94">
        <v>6.6729925909146245E-3</v>
      </c>
      <c r="AJ211" s="202">
        <v>0.16200000000000001</v>
      </c>
      <c r="AK211" s="94">
        <v>7.0228027118382158E-3</v>
      </c>
      <c r="AL211" s="196">
        <v>11001</v>
      </c>
      <c r="AM211" s="202">
        <v>0.224</v>
      </c>
      <c r="AN211" s="94">
        <v>7.9498511210027521E-3</v>
      </c>
      <c r="AO211" s="202">
        <v>0.33399999999999996</v>
      </c>
      <c r="AP211" s="94">
        <v>8.9921774875635265E-3</v>
      </c>
      <c r="AQ211" s="202">
        <v>0.17199999999999999</v>
      </c>
      <c r="AR211" s="94">
        <v>7.1967025905684389E-3</v>
      </c>
      <c r="AS211" s="202">
        <v>0.27</v>
      </c>
      <c r="AT211" s="94">
        <v>8.4648767501296386E-3</v>
      </c>
    </row>
    <row r="212" spans="1:46">
      <c r="A212" s="49" t="s">
        <v>437</v>
      </c>
      <c r="B212" s="199">
        <v>8815</v>
      </c>
      <c r="C212" s="203">
        <v>0.13900000000000001</v>
      </c>
      <c r="D212" s="97">
        <v>7.3712924673769668E-3</v>
      </c>
      <c r="E212" s="203">
        <v>0.16500000000000001</v>
      </c>
      <c r="F212" s="97">
        <v>7.9079859718514459E-3</v>
      </c>
      <c r="G212" s="203">
        <v>0.69</v>
      </c>
      <c r="H212" s="97">
        <v>9.8505153292116013E-3</v>
      </c>
      <c r="I212" s="203">
        <v>7.0000000000000001E-3</v>
      </c>
      <c r="J212" s="97">
        <v>1.8035290152243254E-3</v>
      </c>
      <c r="K212" s="199">
        <v>8837</v>
      </c>
      <c r="L212" s="203">
        <v>0.24399999999999999</v>
      </c>
      <c r="M212" s="97">
        <v>9.1370266845013145E-3</v>
      </c>
      <c r="N212" s="203">
        <v>0.432</v>
      </c>
      <c r="O212" s="97">
        <v>1.0536564827741743E-2</v>
      </c>
      <c r="P212" s="203">
        <v>0.253</v>
      </c>
      <c r="Q212" s="97">
        <v>9.2483289461389086E-3</v>
      </c>
      <c r="R212" s="203">
        <v>7.0999999999999994E-2</v>
      </c>
      <c r="S212" s="97">
        <v>5.4697033519390129E-3</v>
      </c>
      <c r="T212" s="199">
        <v>8865</v>
      </c>
      <c r="U212" s="203">
        <v>0.443</v>
      </c>
      <c r="V212" s="97">
        <v>1.0549325855996531E-2</v>
      </c>
      <c r="W212" s="203">
        <v>0.27800000000000002</v>
      </c>
      <c r="X212" s="97">
        <v>9.5155028372994714E-3</v>
      </c>
      <c r="Y212" s="203">
        <v>0.106</v>
      </c>
      <c r="Z212" s="97">
        <v>6.5423671637353902E-3</v>
      </c>
      <c r="AA212" s="203">
        <v>0.17399999999999999</v>
      </c>
      <c r="AB212" s="97">
        <v>8.0538228135833712E-3</v>
      </c>
      <c r="AC212" s="199">
        <v>8867</v>
      </c>
      <c r="AD212" s="203">
        <v>0.39200000000000002</v>
      </c>
      <c r="AE212" s="97">
        <v>1.0366880930254967E-2</v>
      </c>
      <c r="AF212" s="203">
        <v>0.33699999999999997</v>
      </c>
      <c r="AG212" s="97">
        <v>1.0037803753330382E-2</v>
      </c>
      <c r="AH212" s="203">
        <v>0.11199999999999999</v>
      </c>
      <c r="AI212" s="97">
        <v>6.7012427308636973E-3</v>
      </c>
      <c r="AJ212" s="203">
        <v>0.16</v>
      </c>
      <c r="AK212" s="97">
        <v>7.7877440804348273E-3</v>
      </c>
      <c r="AL212" s="199">
        <v>8853</v>
      </c>
      <c r="AM212" s="203">
        <v>0.245</v>
      </c>
      <c r="AN212" s="97">
        <v>9.1413873826699747E-3</v>
      </c>
      <c r="AO212" s="203">
        <v>0.31699999999999995</v>
      </c>
      <c r="AP212" s="97">
        <v>9.8891049241212961E-3</v>
      </c>
      <c r="AQ212" s="203">
        <v>0.14500000000000002</v>
      </c>
      <c r="AR212" s="97">
        <v>7.4860543309023002E-3</v>
      </c>
      <c r="AS212" s="203">
        <v>0.29299999999999998</v>
      </c>
      <c r="AT212" s="97">
        <v>9.6732129372762449E-3</v>
      </c>
    </row>
    <row r="213" spans="1:46">
      <c r="A213" s="53" t="s">
        <v>438</v>
      </c>
      <c r="B213" s="196">
        <v>1979</v>
      </c>
      <c r="C213" s="202">
        <v>0.113</v>
      </c>
      <c r="D213" s="94">
        <v>1.4261770176601274E-2</v>
      </c>
      <c r="E213" s="202">
        <v>0.17199999999999999</v>
      </c>
      <c r="F213" s="94">
        <v>1.6974935541793384E-2</v>
      </c>
      <c r="G213" s="202">
        <v>0.69699999999999995</v>
      </c>
      <c r="H213" s="94">
        <v>2.0647482298883774E-2</v>
      </c>
      <c r="I213" s="202">
        <v>1.7999999999999999E-2</v>
      </c>
      <c r="J213" s="94">
        <v>6.1272960434247447E-3</v>
      </c>
      <c r="K213" s="196">
        <v>1984</v>
      </c>
      <c r="L213" s="202">
        <v>0.20799999999999999</v>
      </c>
      <c r="M213" s="94">
        <v>1.8224994969946607E-2</v>
      </c>
      <c r="N213" s="202">
        <v>0.434</v>
      </c>
      <c r="O213" s="94">
        <v>2.2232605686554458E-2</v>
      </c>
      <c r="P213" s="202">
        <v>0.27</v>
      </c>
      <c r="Q213" s="94">
        <v>1.9925043799832422E-2</v>
      </c>
      <c r="R213" s="202">
        <v>8.6999999999999994E-2</v>
      </c>
      <c r="S213" s="94">
        <v>1.269648027309781E-2</v>
      </c>
      <c r="T213" s="196">
        <v>1986</v>
      </c>
      <c r="U213" s="202">
        <v>0.219</v>
      </c>
      <c r="V213" s="94">
        <v>1.855894383417829E-2</v>
      </c>
      <c r="W213" s="202">
        <v>0.36599999999999999</v>
      </c>
      <c r="X213" s="94">
        <v>2.160011689792303E-2</v>
      </c>
      <c r="Y213" s="202">
        <v>0.23100000000000001</v>
      </c>
      <c r="Z213" s="94">
        <v>1.8911569197501733E-2</v>
      </c>
      <c r="AA213" s="202">
        <v>0.184</v>
      </c>
      <c r="AB213" s="94">
        <v>1.7395489954830399E-2</v>
      </c>
      <c r="AC213" s="196">
        <v>1983</v>
      </c>
      <c r="AD213" s="202">
        <v>0.23200000000000001</v>
      </c>
      <c r="AE213" s="94">
        <v>1.8954286892245192E-2</v>
      </c>
      <c r="AF213" s="202">
        <v>0.35199999999999998</v>
      </c>
      <c r="AG213" s="94">
        <v>2.1432545391067773E-2</v>
      </c>
      <c r="AH213" s="202">
        <v>0.23599999999999999</v>
      </c>
      <c r="AI213" s="94">
        <v>1.9066504830662426E-2</v>
      </c>
      <c r="AJ213" s="202">
        <v>0.18</v>
      </c>
      <c r="AK213" s="94">
        <v>1.7261531587788474E-2</v>
      </c>
      <c r="AL213" s="196">
        <v>1983</v>
      </c>
      <c r="AM213" s="202">
        <v>0.152</v>
      </c>
      <c r="AN213" s="94">
        <v>1.6138747587320298E-2</v>
      </c>
      <c r="AO213" s="202">
        <v>0.35199999999999998</v>
      </c>
      <c r="AP213" s="94">
        <v>2.1432545391067773E-2</v>
      </c>
      <c r="AQ213" s="202">
        <v>0.245</v>
      </c>
      <c r="AR213" s="94">
        <v>1.9310538736243974E-2</v>
      </c>
      <c r="AS213" s="202">
        <v>0.251</v>
      </c>
      <c r="AT213" s="94">
        <v>1.9466894733485177E-2</v>
      </c>
    </row>
    <row r="214" spans="1:46">
      <c r="A214" s="49" t="s">
        <v>439</v>
      </c>
      <c r="B214" s="199">
        <v>903</v>
      </c>
      <c r="C214" s="203">
        <v>0.128</v>
      </c>
      <c r="D214" s="97">
        <v>2.230725553927675E-2</v>
      </c>
      <c r="E214" s="203">
        <v>0.155</v>
      </c>
      <c r="F214" s="97">
        <v>2.4129613226055686E-2</v>
      </c>
      <c r="G214" s="203">
        <v>0.70899999999999996</v>
      </c>
      <c r="H214" s="97">
        <v>3.0192577734779985E-2</v>
      </c>
      <c r="I214" s="203">
        <v>8.0000000000000002E-3</v>
      </c>
      <c r="J214" s="97">
        <v>6.6628909892933038E-3</v>
      </c>
      <c r="K214" s="199">
        <v>903</v>
      </c>
      <c r="L214" s="203">
        <v>0.15064542924945673</v>
      </c>
      <c r="M214" s="97">
        <v>2.385416126208751E-2</v>
      </c>
      <c r="N214" s="203">
        <v>0.46395737780841162</v>
      </c>
      <c r="O214" s="97">
        <v>3.3118834000872718E-2</v>
      </c>
      <c r="P214" s="203">
        <v>0.30467562627571859</v>
      </c>
      <c r="Q214" s="97">
        <v>3.059023596662136E-2</v>
      </c>
      <c r="R214" s="203">
        <v>8.0721566666411504E-2</v>
      </c>
      <c r="S214" s="97">
        <v>1.8277866709232496E-2</v>
      </c>
      <c r="T214" s="199">
        <v>903</v>
      </c>
      <c r="U214" s="203">
        <v>0.38798481171377763</v>
      </c>
      <c r="V214" s="97">
        <v>3.2367993313407034E-2</v>
      </c>
      <c r="W214" s="203">
        <v>0.32572464499171161</v>
      </c>
      <c r="X214" s="97">
        <v>3.1141133989599907E-2</v>
      </c>
      <c r="Y214" s="203">
        <v>0.10269179735588041</v>
      </c>
      <c r="Z214" s="97">
        <v>2.0310211398755589E-2</v>
      </c>
      <c r="AA214" s="203">
        <v>0.1835987459386289</v>
      </c>
      <c r="AB214" s="97">
        <v>2.578610140592338E-2</v>
      </c>
      <c r="AC214" s="199">
        <v>905</v>
      </c>
      <c r="AD214" s="203">
        <v>0.32800000000000001</v>
      </c>
      <c r="AE214" s="97">
        <v>3.1162005607991716E-2</v>
      </c>
      <c r="AF214" s="203">
        <v>0.39300000000000002</v>
      </c>
      <c r="AG214" s="97">
        <v>3.2406354181354541E-2</v>
      </c>
      <c r="AH214" s="203">
        <v>0.121</v>
      </c>
      <c r="AI214" s="97">
        <v>2.1761825637951218E-2</v>
      </c>
      <c r="AJ214" s="203">
        <v>0.158</v>
      </c>
      <c r="AK214" s="97">
        <v>2.4288613118666463E-2</v>
      </c>
      <c r="AL214" s="199">
        <v>906</v>
      </c>
      <c r="AM214" s="203">
        <v>0.16400000000000001</v>
      </c>
      <c r="AN214" s="97">
        <v>2.4637531541645358E-2</v>
      </c>
      <c r="AO214" s="203">
        <v>0.36499999999999999</v>
      </c>
      <c r="AP214" s="97">
        <v>3.192951493103429E-2</v>
      </c>
      <c r="AQ214" s="203">
        <v>0.14500000000000002</v>
      </c>
      <c r="AR214" s="97">
        <v>2.3447905983619535E-2</v>
      </c>
      <c r="AS214" s="203">
        <v>0.32700000000000001</v>
      </c>
      <c r="AT214" s="97">
        <v>3.1120717372136945E-2</v>
      </c>
    </row>
    <row r="215" spans="1:46">
      <c r="A215" s="53" t="s">
        <v>440</v>
      </c>
      <c r="B215" s="196">
        <v>718</v>
      </c>
      <c r="C215" s="202">
        <v>0.11</v>
      </c>
      <c r="D215" s="94">
        <v>2.348815344557894E-2</v>
      </c>
      <c r="E215" s="202">
        <v>0.158</v>
      </c>
      <c r="F215" s="94">
        <v>2.7280060800849701E-2</v>
      </c>
      <c r="G215" s="202">
        <v>0.72799999999999998</v>
      </c>
      <c r="H215" s="94">
        <v>3.3169622356448901E-2</v>
      </c>
      <c r="I215" s="202">
        <v>3.0000000000000001E-3</v>
      </c>
      <c r="J215" s="94">
        <v>5.6295423134539923E-3</v>
      </c>
      <c r="K215" s="196">
        <v>719</v>
      </c>
      <c r="L215" s="202">
        <v>0.16900000000000001</v>
      </c>
      <c r="M215" s="94">
        <v>2.7994065732982999E-2</v>
      </c>
      <c r="N215" s="202">
        <v>0.45900000000000002</v>
      </c>
      <c r="O215" s="94">
        <v>3.7066539460430634E-2</v>
      </c>
      <c r="P215" s="202">
        <v>0.31</v>
      </c>
      <c r="Q215" s="94">
        <v>3.4432634475137627E-2</v>
      </c>
      <c r="R215" s="202">
        <v>6.3E-2</v>
      </c>
      <c r="S215" s="94">
        <v>1.8391505046800941E-2</v>
      </c>
      <c r="T215" s="196">
        <v>718</v>
      </c>
      <c r="U215" s="202">
        <v>0.45700000000000002</v>
      </c>
      <c r="V215" s="94">
        <v>3.7079791987873971E-2</v>
      </c>
      <c r="W215" s="202">
        <v>0.309</v>
      </c>
      <c r="X215" s="94">
        <v>3.4426210934849932E-2</v>
      </c>
      <c r="Y215" s="202">
        <v>7.2999999999999995E-2</v>
      </c>
      <c r="Z215" s="94">
        <v>1.9648668957966808E-2</v>
      </c>
      <c r="AA215" s="202">
        <v>0.161</v>
      </c>
      <c r="AB215" s="94">
        <v>2.7484453985082154E-2</v>
      </c>
      <c r="AC215" s="196">
        <v>720</v>
      </c>
      <c r="AD215" s="202">
        <v>0.35799999999999998</v>
      </c>
      <c r="AE215" s="94">
        <v>3.5651644142532642E-2</v>
      </c>
      <c r="AF215" s="202">
        <v>0.40300000000000002</v>
      </c>
      <c r="AG215" s="94">
        <v>3.6466489547836239E-2</v>
      </c>
      <c r="AH215" s="202">
        <v>0.111</v>
      </c>
      <c r="AI215" s="94">
        <v>2.3545704504555492E-2</v>
      </c>
      <c r="AJ215" s="202">
        <v>0.128</v>
      </c>
      <c r="AK215" s="94">
        <v>2.5001754736814735E-2</v>
      </c>
      <c r="AL215" s="196">
        <v>721</v>
      </c>
      <c r="AM215" s="202">
        <v>0.18</v>
      </c>
      <c r="AN215" s="94">
        <v>2.864544871915866E-2</v>
      </c>
      <c r="AO215" s="202">
        <v>0.39100000000000001</v>
      </c>
      <c r="AP215" s="94">
        <v>3.6255776350816747E-2</v>
      </c>
      <c r="AQ215" s="202">
        <v>0.113</v>
      </c>
      <c r="AR215" s="94">
        <v>2.3708466636906737E-2</v>
      </c>
      <c r="AS215" s="202">
        <v>0.317</v>
      </c>
      <c r="AT215" s="94">
        <v>3.4591568786550904E-2</v>
      </c>
    </row>
    <row r="216" spans="1:46" ht="25.5">
      <c r="A216" s="49" t="s">
        <v>453</v>
      </c>
      <c r="B216" s="199">
        <v>135</v>
      </c>
      <c r="C216" s="203">
        <v>3.4000000000000002E-2</v>
      </c>
      <c r="D216" s="97">
        <v>3.6050467032510199E-2</v>
      </c>
      <c r="E216" s="203">
        <v>8.5000000000000006E-2</v>
      </c>
      <c r="F216" s="97">
        <v>5.0192323124871055E-2</v>
      </c>
      <c r="G216" s="203">
        <v>0.88100000000000001</v>
      </c>
      <c r="H216" s="97">
        <v>5.7043055807496211E-2</v>
      </c>
      <c r="I216" s="203">
        <v>0</v>
      </c>
      <c r="J216" s="97">
        <v>2.0201474828221939E-2</v>
      </c>
      <c r="K216" s="199">
        <v>135</v>
      </c>
      <c r="L216" s="203">
        <v>2.0291068639554082E-2</v>
      </c>
      <c r="M216" s="97">
        <v>3.0784995591535885E-2</v>
      </c>
      <c r="N216" s="203">
        <v>0.42105501240988041</v>
      </c>
      <c r="O216" s="97">
        <v>8.3815697441086107E-2</v>
      </c>
      <c r="P216" s="203">
        <v>0.42043244240486871</v>
      </c>
      <c r="Q216" s="97">
        <v>8.3799715813449721E-2</v>
      </c>
      <c r="R216" s="203">
        <v>0.13822147654569683</v>
      </c>
      <c r="S216" s="97">
        <v>6.0344523596521642E-2</v>
      </c>
      <c r="T216" s="199">
        <v>136</v>
      </c>
      <c r="U216" s="203">
        <v>0.19171367690816193</v>
      </c>
      <c r="V216" s="97">
        <v>6.7678408079352131E-2</v>
      </c>
      <c r="W216" s="203">
        <v>0.3095422700473574</v>
      </c>
      <c r="X216" s="97">
        <v>7.8516431391690192E-2</v>
      </c>
      <c r="Y216" s="203">
        <v>0.18349746140169604</v>
      </c>
      <c r="Z216" s="97">
        <v>6.6648028345129173E-2</v>
      </c>
      <c r="AA216" s="203">
        <v>0.31524659164278462</v>
      </c>
      <c r="AB216" s="97">
        <v>7.8883063158528374E-2</v>
      </c>
      <c r="AC216" s="199">
        <v>136</v>
      </c>
      <c r="AD216" s="203">
        <v>0.128</v>
      </c>
      <c r="AE216" s="97">
        <v>5.8410050654769265E-2</v>
      </c>
      <c r="AF216" s="203">
        <v>0.437</v>
      </c>
      <c r="AG216" s="97">
        <v>8.3879941412882325E-2</v>
      </c>
      <c r="AH216" s="203">
        <v>0.13500000000000001</v>
      </c>
      <c r="AI216" s="97">
        <v>5.9588853713429216E-2</v>
      </c>
      <c r="AJ216" s="203">
        <v>0.3</v>
      </c>
      <c r="AK216" s="97">
        <v>7.7874085406138577E-2</v>
      </c>
      <c r="AL216" s="199">
        <v>136</v>
      </c>
      <c r="AM216" s="203">
        <v>1.2999999999999999E-2</v>
      </c>
      <c r="AN216" s="97">
        <v>2.7354762937989174E-2</v>
      </c>
      <c r="AO216" s="203">
        <v>0.20700000000000002</v>
      </c>
      <c r="AP216" s="97">
        <v>6.9485163128856012E-2</v>
      </c>
      <c r="AQ216" s="203">
        <v>0.19500000000000001</v>
      </c>
      <c r="AR216" s="97">
        <v>6.8078688821980968E-2</v>
      </c>
      <c r="AS216" s="203">
        <v>0.58399999999999996</v>
      </c>
      <c r="AT216" s="97">
        <v>8.3382327692554686E-2</v>
      </c>
    </row>
    <row r="217" spans="1:46">
      <c r="A217" s="53" t="s">
        <v>441</v>
      </c>
      <c r="B217" s="196">
        <v>79</v>
      </c>
      <c r="C217" s="202">
        <v>3.2000000000000001E-2</v>
      </c>
      <c r="D217" s="94">
        <v>4.9856688250894093E-2</v>
      </c>
      <c r="E217" s="202">
        <v>0.13600000000000001</v>
      </c>
      <c r="F217" s="94">
        <v>7.9142077856165005E-2</v>
      </c>
      <c r="G217" s="202">
        <v>0.83199999999999996</v>
      </c>
      <c r="H217" s="94">
        <v>8.5063831454307001E-2</v>
      </c>
      <c r="I217" s="202">
        <v>0</v>
      </c>
      <c r="J217" s="94">
        <v>3.3664360151118053E-2</v>
      </c>
      <c r="K217" s="196">
        <v>79</v>
      </c>
      <c r="L217" s="202">
        <v>2.3109373120667426E-2</v>
      </c>
      <c r="M217" s="94">
        <v>4.6031721120482323E-2</v>
      </c>
      <c r="N217" s="202">
        <v>0.40540095768120443</v>
      </c>
      <c r="O217" s="94">
        <v>0.10796982822119122</v>
      </c>
      <c r="P217" s="202">
        <v>0.39179441357595934</v>
      </c>
      <c r="Q217" s="94">
        <v>0.1074104576108901</v>
      </c>
      <c r="R217" s="202">
        <v>0.1796952556221687</v>
      </c>
      <c r="S217" s="94">
        <v>8.6999591819958436E-2</v>
      </c>
      <c r="T217" s="196">
        <v>79</v>
      </c>
      <c r="U217" s="202">
        <v>0.27178544410447847</v>
      </c>
      <c r="V217" s="94">
        <v>9.8865149641822539E-2</v>
      </c>
      <c r="W217" s="202">
        <v>0.24458456778176296</v>
      </c>
      <c r="X217" s="94">
        <v>9.5916466894250624E-2</v>
      </c>
      <c r="Y217" s="202">
        <v>0.10588729361336605</v>
      </c>
      <c r="Z217" s="94">
        <v>7.2572520788551656E-2</v>
      </c>
      <c r="AA217" s="202">
        <v>0.37774269450039227</v>
      </c>
      <c r="AB217" s="94">
        <v>0.10675026518306235</v>
      </c>
      <c r="AC217" s="196">
        <v>79</v>
      </c>
      <c r="AD217" s="202">
        <v>0.158</v>
      </c>
      <c r="AE217" s="94">
        <v>8.3316202625365196E-2</v>
      </c>
      <c r="AF217" s="202">
        <v>0.35199999999999998</v>
      </c>
      <c r="AG217" s="94">
        <v>0.10531795941304302</v>
      </c>
      <c r="AH217" s="202">
        <v>0.13300000000000001</v>
      </c>
      <c r="AI217" s="94">
        <v>7.8534851835206712E-2</v>
      </c>
      <c r="AJ217" s="202">
        <v>0.35699999999999998</v>
      </c>
      <c r="AK217" s="94">
        <v>0.10561911434032559</v>
      </c>
      <c r="AL217" s="196">
        <v>79</v>
      </c>
      <c r="AM217" s="202">
        <v>2.5000000000000001E-2</v>
      </c>
      <c r="AN217" s="94">
        <v>4.6877417249539782E-2</v>
      </c>
      <c r="AO217" s="202">
        <v>0.21000000000000002</v>
      </c>
      <c r="AP217" s="94">
        <v>9.1522779629239881E-2</v>
      </c>
      <c r="AQ217" s="202">
        <v>0.106</v>
      </c>
      <c r="AR217" s="94">
        <v>7.2599234524247144E-2</v>
      </c>
      <c r="AS217" s="202">
        <v>0.65900000000000003</v>
      </c>
      <c r="AT217" s="94">
        <v>0.10461564919617863</v>
      </c>
    </row>
    <row r="218" spans="1:46">
      <c r="A218" s="49" t="s">
        <v>446</v>
      </c>
      <c r="B218" s="199">
        <v>165</v>
      </c>
      <c r="C218" s="203">
        <v>0.189</v>
      </c>
      <c r="D218" s="97">
        <v>6.1114564130378302E-2</v>
      </c>
      <c r="E218" s="203">
        <v>0.158</v>
      </c>
      <c r="F218" s="97">
        <v>5.7256246116004994E-2</v>
      </c>
      <c r="G218" s="203">
        <v>0.63200000000000001</v>
      </c>
      <c r="H218" s="97">
        <v>7.4323942120493425E-2</v>
      </c>
      <c r="I218" s="203">
        <v>2.1999999999999999E-2</v>
      </c>
      <c r="J218" s="97">
        <v>2.7608339744945164E-2</v>
      </c>
      <c r="K218" s="199">
        <v>165</v>
      </c>
      <c r="L218" s="203">
        <v>7.9559061463965089E-2</v>
      </c>
      <c r="M218" s="97">
        <v>4.3919837620113984E-2</v>
      </c>
      <c r="N218" s="203">
        <v>0.50664102190472415</v>
      </c>
      <c r="O218" s="97">
        <v>7.6916608935055225E-2</v>
      </c>
      <c r="P218" s="203">
        <v>0.30237756196412369</v>
      </c>
      <c r="Q218" s="97">
        <v>7.0964985648201792E-2</v>
      </c>
      <c r="R218" s="203">
        <v>0.11142235466718706</v>
      </c>
      <c r="S218" s="97">
        <v>5.0105310371093517E-2</v>
      </c>
      <c r="T218" s="199">
        <v>164</v>
      </c>
      <c r="U218" s="203">
        <v>0.15546874260458701</v>
      </c>
      <c r="V218" s="97">
        <v>5.7088775370314954E-2</v>
      </c>
      <c r="W218" s="203">
        <v>0.41654321796611526</v>
      </c>
      <c r="X218" s="97">
        <v>7.6120625671221381E-2</v>
      </c>
      <c r="Y218" s="203">
        <v>0.13753441703441865</v>
      </c>
      <c r="Z218" s="97">
        <v>5.4510915092328228E-2</v>
      </c>
      <c r="AA218" s="203">
        <v>0.2904536223948791</v>
      </c>
      <c r="AB218" s="97">
        <v>7.0399601066253786E-2</v>
      </c>
      <c r="AC218" s="199">
        <v>165</v>
      </c>
      <c r="AD218" s="203">
        <v>0.25</v>
      </c>
      <c r="AE218" s="97">
        <v>6.7134690562854538E-2</v>
      </c>
      <c r="AF218" s="203">
        <v>0.39500000000000002</v>
      </c>
      <c r="AG218" s="97">
        <v>7.5288905841980711E-2</v>
      </c>
      <c r="AH218" s="203">
        <v>0.13200000000000001</v>
      </c>
      <c r="AI218" s="97">
        <v>5.3495725299449466E-2</v>
      </c>
      <c r="AJ218" s="203">
        <v>0.223</v>
      </c>
      <c r="AK218" s="97">
        <v>6.4699607762033234E-2</v>
      </c>
      <c r="AL218" s="199">
        <v>165</v>
      </c>
      <c r="AM218" s="203">
        <v>9.7000000000000003E-2</v>
      </c>
      <c r="AN218" s="97">
        <v>4.7465469916082567E-2</v>
      </c>
      <c r="AO218" s="203">
        <v>0.309</v>
      </c>
      <c r="AP218" s="97">
        <v>7.1372922520990575E-2</v>
      </c>
      <c r="AQ218" s="203">
        <v>0.221</v>
      </c>
      <c r="AR218" s="97">
        <v>6.4505432859323794E-2</v>
      </c>
      <c r="AS218" s="203">
        <v>0.373</v>
      </c>
      <c r="AT218" s="97">
        <v>7.4520235514117183E-2</v>
      </c>
    </row>
    <row r="219" spans="1:46">
      <c r="A219" s="53" t="s">
        <v>447</v>
      </c>
      <c r="B219" s="196">
        <v>112</v>
      </c>
      <c r="C219" s="202">
        <v>0.14000000000000001</v>
      </c>
      <c r="D219" s="94">
        <v>6.6742900636352728E-2</v>
      </c>
      <c r="E219" s="202">
        <v>0.14399999999999999</v>
      </c>
      <c r="F219" s="94">
        <v>6.7429073081829702E-2</v>
      </c>
      <c r="G219" s="202">
        <v>0.71</v>
      </c>
      <c r="H219" s="94">
        <v>8.4870884032244992E-2</v>
      </c>
      <c r="I219" s="202">
        <v>7.0000000000000001E-3</v>
      </c>
      <c r="J219" s="94">
        <v>2.8420487996004471E-2</v>
      </c>
      <c r="K219" s="196">
        <v>113</v>
      </c>
      <c r="L219" s="202">
        <v>0.13206424281042295</v>
      </c>
      <c r="M219" s="94">
        <v>6.5036892960552622E-2</v>
      </c>
      <c r="N219" s="202">
        <v>0.53775543217695954</v>
      </c>
      <c r="O219" s="94">
        <v>9.2203848749558795E-2</v>
      </c>
      <c r="P219" s="202">
        <v>0.28578724140458683</v>
      </c>
      <c r="Q219" s="94">
        <v>8.4164438173957898E-2</v>
      </c>
      <c r="R219" s="202">
        <v>4.4393083608030563E-2</v>
      </c>
      <c r="S219" s="94">
        <v>4.3900844331908592E-2</v>
      </c>
      <c r="T219" s="196">
        <v>113</v>
      </c>
      <c r="U219" s="202">
        <v>0.55660189868625243</v>
      </c>
      <c r="V219" s="94">
        <v>9.1895805351944762E-2</v>
      </c>
      <c r="W219" s="202">
        <v>0.39195580916179351</v>
      </c>
      <c r="X219" s="94">
        <v>9.0414241331683909E-2</v>
      </c>
      <c r="Y219" s="202">
        <v>2.53903958653094E-2</v>
      </c>
      <c r="Z219" s="94">
        <v>3.6926558381600388E-2</v>
      </c>
      <c r="AA219" s="202">
        <v>2.6051896286644383E-2</v>
      </c>
      <c r="AB219" s="94">
        <v>3.7196518578585511E-2</v>
      </c>
      <c r="AC219" s="196">
        <v>112</v>
      </c>
      <c r="AD219" s="202">
        <v>0.47099999999999997</v>
      </c>
      <c r="AE219" s="94">
        <v>9.2701969625320221E-2</v>
      </c>
      <c r="AF219" s="202">
        <v>0.39300000000000002</v>
      </c>
      <c r="AG219" s="94">
        <v>9.0844120499709274E-2</v>
      </c>
      <c r="AH219" s="202">
        <v>0.1</v>
      </c>
      <c r="AI219" s="94">
        <v>5.8969376347004762E-2</v>
      </c>
      <c r="AJ219" s="202">
        <v>3.5999999999999997E-2</v>
      </c>
      <c r="AK219" s="94">
        <v>4.1229383562764031E-2</v>
      </c>
      <c r="AL219" s="196">
        <v>112</v>
      </c>
      <c r="AM219" s="202">
        <v>0.24099999999999999</v>
      </c>
      <c r="AN219" s="94">
        <v>8.0401044873364996E-2</v>
      </c>
      <c r="AO219" s="202">
        <v>0.50600000000000001</v>
      </c>
      <c r="AP219" s="94">
        <v>9.2841436934986213E-2</v>
      </c>
      <c r="AQ219" s="202">
        <v>3.1E-2</v>
      </c>
      <c r="AR219" s="94">
        <v>3.936880314456756E-2</v>
      </c>
      <c r="AS219" s="202">
        <v>0.223</v>
      </c>
      <c r="AT219" s="94">
        <v>7.844862578484893E-2</v>
      </c>
    </row>
    <row r="220" spans="1:46">
      <c r="A220" s="49" t="s">
        <v>442</v>
      </c>
      <c r="B220" s="199">
        <v>78</v>
      </c>
      <c r="C220" s="203">
        <v>0.17899999999999999</v>
      </c>
      <c r="D220" s="97">
        <v>8.7447988923816777E-2</v>
      </c>
      <c r="E220" s="203">
        <v>8.1000000000000003E-2</v>
      </c>
      <c r="F220" s="97">
        <v>6.6680581413255002E-2</v>
      </c>
      <c r="G220" s="203">
        <v>0.73</v>
      </c>
      <c r="H220" s="97">
        <v>9.9298784939845758E-2</v>
      </c>
      <c r="I220" s="203">
        <v>0.01</v>
      </c>
      <c r="J220" s="97">
        <v>3.9971370030028382E-2</v>
      </c>
      <c r="K220" s="199">
        <v>79</v>
      </c>
      <c r="L220" s="203">
        <v>0.1891526878275038</v>
      </c>
      <c r="M220" s="97">
        <v>8.8484668796017144E-2</v>
      </c>
      <c r="N220" s="203">
        <v>0.50659075806870446</v>
      </c>
      <c r="O220" s="97">
        <v>0.10975562072502798</v>
      </c>
      <c r="P220" s="203">
        <v>0.27683607662336768</v>
      </c>
      <c r="Q220" s="97">
        <v>9.9367251553440963E-2</v>
      </c>
      <c r="R220" s="203">
        <v>2.7420477480424327E-2</v>
      </c>
      <c r="S220" s="97">
        <v>4.7933596953966769E-2</v>
      </c>
      <c r="T220" s="199">
        <v>79</v>
      </c>
      <c r="U220" s="203">
        <v>0.68350344942336461</v>
      </c>
      <c r="V220" s="97">
        <v>0.10284950192201615</v>
      </c>
      <c r="W220" s="203">
        <v>0.31412672420841703</v>
      </c>
      <c r="X220" s="97">
        <v>0.10266353891264912</v>
      </c>
      <c r="Y220" s="203">
        <v>0</v>
      </c>
      <c r="Z220" s="97">
        <v>3.3664360151118053E-2</v>
      </c>
      <c r="AA220" s="203">
        <v>2.3698263682183497E-3</v>
      </c>
      <c r="AB220" s="97">
        <v>3.5164039220645739E-2</v>
      </c>
      <c r="AC220" s="199">
        <v>78</v>
      </c>
      <c r="AD220" s="203">
        <v>0.66700000000000004</v>
      </c>
      <c r="AE220" s="97">
        <v>0.1047099396986025</v>
      </c>
      <c r="AF220" s="203">
        <v>0.29000000000000004</v>
      </c>
      <c r="AG220" s="97">
        <v>0.1012356587825268</v>
      </c>
      <c r="AH220" s="203">
        <v>2E-3</v>
      </c>
      <c r="AI220" s="97">
        <v>3.5339039251049871E-2</v>
      </c>
      <c r="AJ220" s="203">
        <v>0.04</v>
      </c>
      <c r="AK220" s="97">
        <v>5.3438084812803786E-2</v>
      </c>
      <c r="AL220" s="199">
        <v>78</v>
      </c>
      <c r="AM220" s="203">
        <v>0.36</v>
      </c>
      <c r="AN220" s="97">
        <v>0.10644260017734458</v>
      </c>
      <c r="AO220" s="203">
        <v>0.51500000000000001</v>
      </c>
      <c r="AP220" s="97">
        <v>0.11038655269461357</v>
      </c>
      <c r="AQ220" s="203">
        <v>2.1999999999999999E-2</v>
      </c>
      <c r="AR220" s="97">
        <v>4.5939215433360367E-2</v>
      </c>
      <c r="AS220" s="203">
        <v>0.10299999999999999</v>
      </c>
      <c r="AT220" s="97">
        <v>7.2378561546626086E-2</v>
      </c>
    </row>
    <row r="221" spans="1:46">
      <c r="A221" s="45" t="s">
        <v>448</v>
      </c>
      <c r="B221" s="196">
        <v>290</v>
      </c>
      <c r="C221" s="202">
        <v>0.123</v>
      </c>
      <c r="D221" s="94">
        <v>3.898580703880223E-2</v>
      </c>
      <c r="E221" s="202">
        <v>0.20100000000000001</v>
      </c>
      <c r="F221" s="94">
        <v>4.7094510769103752E-2</v>
      </c>
      <c r="G221" s="202">
        <v>0.67200000000000004</v>
      </c>
      <c r="H221" s="94">
        <v>5.4861052758227842E-2</v>
      </c>
      <c r="I221" s="202">
        <v>5.0000000000000001E-3</v>
      </c>
      <c r="J221" s="94">
        <v>1.2561138016141704E-2</v>
      </c>
      <c r="K221" s="196">
        <v>290</v>
      </c>
      <c r="L221" s="202">
        <v>0.24502931598524064</v>
      </c>
      <c r="M221" s="94">
        <v>5.0406092029165975E-2</v>
      </c>
      <c r="N221" s="202">
        <v>0.51656094586292767</v>
      </c>
      <c r="O221" s="94">
        <v>5.8290049709758783E-2</v>
      </c>
      <c r="P221" s="202">
        <v>0.1917375645310731</v>
      </c>
      <c r="Q221" s="94">
        <v>4.6297237686136625E-2</v>
      </c>
      <c r="R221" s="202">
        <v>4.6672173620758484E-2</v>
      </c>
      <c r="S221" s="94">
        <v>2.6094502303036719E-2</v>
      </c>
      <c r="T221" s="196">
        <v>290</v>
      </c>
      <c r="U221" s="202">
        <v>0.57480469337032947</v>
      </c>
      <c r="V221" s="94">
        <v>5.7682627706444237E-2</v>
      </c>
      <c r="W221" s="202">
        <v>0.27804992526106426</v>
      </c>
      <c r="X221" s="94">
        <v>5.243324277546043E-2</v>
      </c>
      <c r="Y221" s="202">
        <v>2.706853881484142E-2</v>
      </c>
      <c r="Z221" s="94">
        <v>2.0989317258108788E-2</v>
      </c>
      <c r="AA221" s="202">
        <v>0.12007684255376498</v>
      </c>
      <c r="AB221" s="94">
        <v>3.8608331267272034E-2</v>
      </c>
      <c r="AC221" s="196">
        <v>290</v>
      </c>
      <c r="AD221" s="202">
        <v>0.38900000000000001</v>
      </c>
      <c r="AE221" s="94">
        <v>5.6905696496380338E-2</v>
      </c>
      <c r="AF221" s="202">
        <v>0.44400000000000001</v>
      </c>
      <c r="AG221" s="94">
        <v>5.7964187023883028E-2</v>
      </c>
      <c r="AH221" s="202">
        <v>0.05</v>
      </c>
      <c r="AI221" s="94">
        <v>2.6846178030245423E-2</v>
      </c>
      <c r="AJ221" s="202">
        <v>0.11799999999999999</v>
      </c>
      <c r="AK221" s="94">
        <v>3.8336091479658503E-2</v>
      </c>
      <c r="AL221" s="196">
        <v>291</v>
      </c>
      <c r="AM221" s="202">
        <v>0.26300000000000001</v>
      </c>
      <c r="AN221" s="94">
        <v>5.1465822149860341E-2</v>
      </c>
      <c r="AO221" s="202">
        <v>0.435</v>
      </c>
      <c r="AP221" s="94">
        <v>5.7741539784780471E-2</v>
      </c>
      <c r="AQ221" s="202">
        <v>7.8E-2</v>
      </c>
      <c r="AR221" s="94">
        <v>3.2251691310423748E-2</v>
      </c>
      <c r="AS221" s="202">
        <v>0.224</v>
      </c>
      <c r="AT221" s="94">
        <v>4.8833967683067213E-2</v>
      </c>
    </row>
    <row r="222" spans="1:46" ht="25.5">
      <c r="A222" s="49" t="s">
        <v>443</v>
      </c>
      <c r="B222" s="199">
        <v>126</v>
      </c>
      <c r="C222" s="203">
        <v>9.1999999999999998E-2</v>
      </c>
      <c r="D222" s="97">
        <v>5.3672035236319665E-2</v>
      </c>
      <c r="E222" s="203">
        <v>0.21</v>
      </c>
      <c r="F222" s="97">
        <v>7.2535564394007546E-2</v>
      </c>
      <c r="G222" s="203">
        <v>0.69799999999999995</v>
      </c>
      <c r="H222" s="97">
        <v>8.0988401379102737E-2</v>
      </c>
      <c r="I222" s="203">
        <v>0</v>
      </c>
      <c r="J222" s="97">
        <v>2.158912047524995E-2</v>
      </c>
      <c r="K222" s="199">
        <v>126</v>
      </c>
      <c r="L222" s="203">
        <v>0.20536613393623834</v>
      </c>
      <c r="M222" s="97">
        <v>7.1993760030986773E-2</v>
      </c>
      <c r="N222" s="203">
        <v>0.57997644115163971</v>
      </c>
      <c r="O222" s="97">
        <v>8.6645400691328561E-2</v>
      </c>
      <c r="P222" s="203">
        <v>0.18193715787783027</v>
      </c>
      <c r="Q222" s="97">
        <v>6.9051982000560508E-2</v>
      </c>
      <c r="R222" s="203">
        <v>3.2720267034290956E-2</v>
      </c>
      <c r="S222" s="97">
        <v>3.7160720983223615E-2</v>
      </c>
      <c r="T222" s="199">
        <v>127</v>
      </c>
      <c r="U222" s="203">
        <v>0.63146544923632653</v>
      </c>
      <c r="V222" s="97">
        <v>8.448427870834474E-2</v>
      </c>
      <c r="W222" s="203">
        <v>0.2688242875434162</v>
      </c>
      <c r="X222" s="97">
        <v>7.8101834037640996E-2</v>
      </c>
      <c r="Y222" s="203">
        <v>1.2337900745953022E-2</v>
      </c>
      <c r="Z222" s="97">
        <v>2.84387455678476E-2</v>
      </c>
      <c r="AA222" s="203">
        <v>8.737236247430348E-2</v>
      </c>
      <c r="AB222" s="97">
        <v>5.241564445631261E-2</v>
      </c>
      <c r="AC222" s="199">
        <v>126</v>
      </c>
      <c r="AD222" s="203">
        <v>0.38</v>
      </c>
      <c r="AE222" s="97">
        <v>8.5299927082674074E-2</v>
      </c>
      <c r="AF222" s="203">
        <v>0.504</v>
      </c>
      <c r="AG222" s="97">
        <v>8.7703165361252777E-2</v>
      </c>
      <c r="AH222" s="203">
        <v>3.6999999999999998E-2</v>
      </c>
      <c r="AI222" s="97">
        <v>3.8678153468823348E-2</v>
      </c>
      <c r="AJ222" s="203">
        <v>7.9000000000000001E-2</v>
      </c>
      <c r="AK222" s="97">
        <v>5.0687075072709524E-2</v>
      </c>
      <c r="AL222" s="199">
        <v>126</v>
      </c>
      <c r="AM222" s="203">
        <v>0.21099999999999999</v>
      </c>
      <c r="AN222" s="97">
        <v>7.2650836346514105E-2</v>
      </c>
      <c r="AO222" s="203">
        <v>0.54400000000000004</v>
      </c>
      <c r="AP222" s="97">
        <v>8.7386199502267864E-2</v>
      </c>
      <c r="AQ222" s="203">
        <v>7.3000000000000009E-2</v>
      </c>
      <c r="AR222" s="97">
        <v>4.9214953006721449E-2</v>
      </c>
      <c r="AS222" s="203">
        <v>0.17399999999999999</v>
      </c>
      <c r="AT222" s="97">
        <v>6.7973625022357154E-2</v>
      </c>
    </row>
    <row r="223" spans="1:46" ht="25.5">
      <c r="A223" s="53" t="s">
        <v>444</v>
      </c>
      <c r="B223" s="196">
        <v>80</v>
      </c>
      <c r="C223" s="202">
        <v>7.3999999999999996E-2</v>
      </c>
      <c r="D223" s="94">
        <v>6.3768897616369349E-2</v>
      </c>
      <c r="E223" s="202">
        <v>5.3999999999999999E-2</v>
      </c>
      <c r="F223" s="94">
        <v>5.7560454456923378E-2</v>
      </c>
      <c r="G223" s="202">
        <v>0.872</v>
      </c>
      <c r="H223" s="94">
        <v>7.6991537151838402E-2</v>
      </c>
      <c r="I223" s="202">
        <v>0</v>
      </c>
      <c r="J223" s="94">
        <v>3.326848242884628E-2</v>
      </c>
      <c r="K223" s="196">
        <v>80</v>
      </c>
      <c r="L223" s="202">
        <v>6.0808695850079919E-2</v>
      </c>
      <c r="M223" s="94">
        <v>5.9778953710575476E-2</v>
      </c>
      <c r="N223" s="202">
        <v>0.43671829726407696</v>
      </c>
      <c r="O223" s="94">
        <v>0.10831341943483276</v>
      </c>
      <c r="P223" s="202">
        <v>0.41053596264936648</v>
      </c>
      <c r="Q223" s="94">
        <v>0.1075130788900729</v>
      </c>
      <c r="R223" s="202">
        <v>9.1937044236476723E-2</v>
      </c>
      <c r="S223" s="94">
        <v>6.8648742045352318E-2</v>
      </c>
      <c r="T223" s="196">
        <v>81</v>
      </c>
      <c r="U223" s="202">
        <v>0.30719584817981721</v>
      </c>
      <c r="V223" s="94">
        <v>0.1008768413999338</v>
      </c>
      <c r="W223" s="202">
        <v>0.43798512329681744</v>
      </c>
      <c r="X223" s="94">
        <v>0.107704956506946</v>
      </c>
      <c r="Y223" s="202">
        <v>8.8019482421719752E-2</v>
      </c>
      <c r="Z223" s="94">
        <v>6.7168122697419161E-2</v>
      </c>
      <c r="AA223" s="202">
        <v>0.16679954610164555</v>
      </c>
      <c r="AB223" s="94">
        <v>8.3787062014190158E-2</v>
      </c>
      <c r="AC223" s="196">
        <v>80</v>
      </c>
      <c r="AD223" s="202">
        <v>0.20799999999999999</v>
      </c>
      <c r="AE223" s="94">
        <v>9.0675517394181518E-2</v>
      </c>
      <c r="AF223" s="202">
        <v>0.53</v>
      </c>
      <c r="AG223" s="94">
        <v>0.10893066240883688</v>
      </c>
      <c r="AH223" s="202">
        <v>0.13700000000000001</v>
      </c>
      <c r="AI223" s="94">
        <v>7.882519317272367E-2</v>
      </c>
      <c r="AJ223" s="202">
        <v>0.125</v>
      </c>
      <c r="AK223" s="94">
        <v>7.6360354832121252E-2</v>
      </c>
      <c r="AL223" s="196">
        <v>81</v>
      </c>
      <c r="AM223" s="202">
        <v>7.0999999999999994E-2</v>
      </c>
      <c r="AN223" s="94">
        <v>6.2449204219697775E-2</v>
      </c>
      <c r="AO223" s="202">
        <v>0.44199999999999995</v>
      </c>
      <c r="AP223" s="94">
        <v>0.10780050465365332</v>
      </c>
      <c r="AQ223" s="202">
        <v>0.152</v>
      </c>
      <c r="AR223" s="94">
        <v>8.1175433762998961E-2</v>
      </c>
      <c r="AS223" s="202">
        <v>0.33500000000000002</v>
      </c>
      <c r="AT223" s="94">
        <v>0.10296248598025731</v>
      </c>
    </row>
    <row r="224" spans="1:46">
      <c r="A224" s="49" t="s">
        <v>445</v>
      </c>
      <c r="B224" s="199">
        <v>84</v>
      </c>
      <c r="C224" s="203">
        <v>0.20100000000000001</v>
      </c>
      <c r="D224" s="97">
        <v>8.7527047982179945E-2</v>
      </c>
      <c r="E224" s="203">
        <v>0.30099999999999999</v>
      </c>
      <c r="F224" s="97">
        <v>9.860787140375693E-2</v>
      </c>
      <c r="G224" s="203">
        <v>0.48199999999999998</v>
      </c>
      <c r="H224" s="97">
        <v>0.10653739956294626</v>
      </c>
      <c r="I224" s="203">
        <v>1.6E-2</v>
      </c>
      <c r="J224" s="97">
        <v>4.0763174111400645E-2</v>
      </c>
      <c r="K224" s="199">
        <v>84</v>
      </c>
      <c r="L224" s="203">
        <v>0.43986817277799728</v>
      </c>
      <c r="M224" s="97">
        <v>0.10589561864066278</v>
      </c>
      <c r="N224" s="203">
        <v>0.48908511973894508</v>
      </c>
      <c r="O224" s="97">
        <v>0.10657721265529602</v>
      </c>
      <c r="P224" s="203">
        <v>3.9344564663701703E-2</v>
      </c>
      <c r="Q224" s="97">
        <v>5.0744168484794565E-2</v>
      </c>
      <c r="R224" s="203">
        <v>3.1702142819355641E-2</v>
      </c>
      <c r="S224" s="97">
        <v>4.7759167402079361E-2</v>
      </c>
      <c r="T224" s="199">
        <v>82</v>
      </c>
      <c r="U224" s="203">
        <v>0.70533719020792995</v>
      </c>
      <c r="V224" s="97">
        <v>9.9221996381503072E-2</v>
      </c>
      <c r="W224" s="203">
        <v>0.16411479877257582</v>
      </c>
      <c r="X224" s="97">
        <v>8.2808786590667177E-2</v>
      </c>
      <c r="Y224" s="203">
        <v>0</v>
      </c>
      <c r="Z224" s="97">
        <v>3.2504011252172456E-2</v>
      </c>
      <c r="AA224" s="203">
        <v>0.13054801101949409</v>
      </c>
      <c r="AB224" s="97">
        <v>7.6525457840963512E-2</v>
      </c>
      <c r="AC224" s="199">
        <v>84</v>
      </c>
      <c r="AD224" s="203">
        <v>0.53800000000000003</v>
      </c>
      <c r="AE224" s="97">
        <v>0.10631947765968001</v>
      </c>
      <c r="AF224" s="203">
        <v>0.29499999999999998</v>
      </c>
      <c r="AG224" s="97">
        <v>9.8097499280761447E-2</v>
      </c>
      <c r="AH224" s="203">
        <v>0</v>
      </c>
      <c r="AI224" s="97">
        <v>3.177387706452417E-2</v>
      </c>
      <c r="AJ224" s="203">
        <v>0.16700000000000001</v>
      </c>
      <c r="AK224" s="97">
        <v>8.2286282043984027E-2</v>
      </c>
      <c r="AL224" s="199">
        <v>84</v>
      </c>
      <c r="AM224" s="203">
        <v>0.47899999999999998</v>
      </c>
      <c r="AN224" s="97">
        <v>0.10651465536212421</v>
      </c>
      <c r="AO224" s="203">
        <v>0.28200000000000003</v>
      </c>
      <c r="AP224" s="97">
        <v>9.6929724672925016E-2</v>
      </c>
      <c r="AQ224" s="203">
        <v>2.8000000000000001E-2</v>
      </c>
      <c r="AR224" s="97">
        <v>4.6225137488575589E-2</v>
      </c>
      <c r="AS224" s="203">
        <v>0.21</v>
      </c>
      <c r="AT224" s="97">
        <v>8.8772358058247153E-2</v>
      </c>
    </row>
    <row r="225" spans="1:46">
      <c r="A225" s="57" t="s">
        <v>449</v>
      </c>
      <c r="B225" s="196">
        <v>108</v>
      </c>
      <c r="C225" s="202">
        <v>0.156</v>
      </c>
      <c r="D225" s="94">
        <v>7.0701998520212889E-2</v>
      </c>
      <c r="E225" s="202">
        <v>0.23100000000000001</v>
      </c>
      <c r="F225" s="94">
        <v>8.078086443832061E-2</v>
      </c>
      <c r="G225" s="202">
        <v>0.61199999999999999</v>
      </c>
      <c r="H225" s="94">
        <v>9.2260500757366373E-2</v>
      </c>
      <c r="I225" s="202">
        <v>0</v>
      </c>
      <c r="J225" s="94">
        <v>2.5027317436669111E-2</v>
      </c>
      <c r="K225" s="196">
        <v>107</v>
      </c>
      <c r="L225" s="202">
        <v>0.36127278874965113</v>
      </c>
      <c r="M225" s="94">
        <v>9.1458022337159203E-2</v>
      </c>
      <c r="N225" s="202">
        <v>0.28181799514570077</v>
      </c>
      <c r="O225" s="94">
        <v>8.6110272890784961E-2</v>
      </c>
      <c r="P225" s="202">
        <v>0.32966572420347423</v>
      </c>
      <c r="Q225" s="94">
        <v>8.9651907328335459E-2</v>
      </c>
      <c r="R225" s="202">
        <v>2.7243491901174144E-2</v>
      </c>
      <c r="S225" s="94">
        <v>3.9051393764326946E-2</v>
      </c>
      <c r="T225" s="196">
        <v>108</v>
      </c>
      <c r="U225" s="202">
        <v>0.52175594948261694</v>
      </c>
      <c r="V225" s="94">
        <v>9.4407907432683097E-2</v>
      </c>
      <c r="W225" s="202">
        <v>0.21617531575712878</v>
      </c>
      <c r="X225" s="94">
        <v>7.9078358580161684E-2</v>
      </c>
      <c r="Y225" s="202">
        <v>0.16090722663482221</v>
      </c>
      <c r="Z225" s="94">
        <v>7.1484904564282095E-2</v>
      </c>
      <c r="AA225" s="202">
        <v>0.10116150812543237</v>
      </c>
      <c r="AB225" s="94">
        <v>6.0381896281147672E-2</v>
      </c>
      <c r="AC225" s="196">
        <v>109</v>
      </c>
      <c r="AD225" s="202">
        <v>0.52200000000000002</v>
      </c>
      <c r="AE225" s="94">
        <v>9.3987319615054687E-2</v>
      </c>
      <c r="AF225" s="202">
        <v>0.28800000000000003</v>
      </c>
      <c r="AG225" s="94">
        <v>8.5844386834382697E-2</v>
      </c>
      <c r="AH225" s="202">
        <v>0.128</v>
      </c>
      <c r="AI225" s="94">
        <v>6.5510844172136082E-2</v>
      </c>
      <c r="AJ225" s="202">
        <v>6.0999999999999999E-2</v>
      </c>
      <c r="AK225" s="94">
        <v>5.0019988394949894E-2</v>
      </c>
      <c r="AL225" s="196">
        <v>109</v>
      </c>
      <c r="AM225" s="202">
        <v>0.27600000000000002</v>
      </c>
      <c r="AN225" s="94">
        <v>8.4834750543153634E-2</v>
      </c>
      <c r="AO225" s="202">
        <v>0.29100000000000004</v>
      </c>
      <c r="AP225" s="94">
        <v>8.6086337885683706E-2</v>
      </c>
      <c r="AQ225" s="202">
        <v>0.23299999999999998</v>
      </c>
      <c r="AR225" s="94">
        <v>8.0632166281622689E-2</v>
      </c>
      <c r="AS225" s="202">
        <v>0.2</v>
      </c>
      <c r="AT225" s="94">
        <v>7.6715520529005252E-2</v>
      </c>
    </row>
    <row r="226" spans="1:46">
      <c r="A226" s="49" t="s">
        <v>454</v>
      </c>
      <c r="B226" s="199">
        <v>84</v>
      </c>
      <c r="C226" s="203">
        <v>7.2999999999999995E-2</v>
      </c>
      <c r="D226" s="97">
        <v>6.1743476220144568E-2</v>
      </c>
      <c r="E226" s="203">
        <v>0.06</v>
      </c>
      <c r="F226" s="97">
        <v>5.7839904438497694E-2</v>
      </c>
      <c r="G226" s="203">
        <v>0.86699999999999999</v>
      </c>
      <c r="H226" s="97">
        <v>7.6061330363787621E-2</v>
      </c>
      <c r="I226" s="203">
        <v>0</v>
      </c>
      <c r="J226" s="97">
        <v>3.177387706452417E-2</v>
      </c>
      <c r="K226" s="199">
        <v>83</v>
      </c>
      <c r="L226" s="203">
        <v>0.10154636186655949</v>
      </c>
      <c r="M226" s="97">
        <v>6.9645471597874722E-2</v>
      </c>
      <c r="N226" s="203">
        <v>0.30089939737464644</v>
      </c>
      <c r="O226" s="97">
        <v>9.9173668040666879E-2</v>
      </c>
      <c r="P226" s="203">
        <v>0.49322135779994497</v>
      </c>
      <c r="Q226" s="97">
        <v>0.10720228556564761</v>
      </c>
      <c r="R226" s="203">
        <v>0.10433288295884852</v>
      </c>
      <c r="S226" s="97">
        <v>7.0307118615381525E-2</v>
      </c>
      <c r="T226" s="199">
        <v>83</v>
      </c>
      <c r="U226" s="203">
        <v>0.43167653161059083</v>
      </c>
      <c r="V226" s="97">
        <v>0.10629632968721928</v>
      </c>
      <c r="W226" s="203">
        <v>0.25975443304562879</v>
      </c>
      <c r="X226" s="97">
        <v>9.5283594742857622E-2</v>
      </c>
      <c r="Y226" s="203">
        <v>0.14002286510783274</v>
      </c>
      <c r="Z226" s="97">
        <v>7.7920757030350674E-2</v>
      </c>
      <c r="AA226" s="203">
        <v>0.16854617023594728</v>
      </c>
      <c r="AB226" s="97">
        <v>8.304778950500874E-2</v>
      </c>
      <c r="AC226" s="199">
        <v>84</v>
      </c>
      <c r="AD226" s="203">
        <v>0.28299999999999997</v>
      </c>
      <c r="AE226" s="97">
        <v>9.7022613779071704E-2</v>
      </c>
      <c r="AF226" s="203">
        <v>0.28599999999999998</v>
      </c>
      <c r="AG226" s="97">
        <v>9.7298195090370132E-2</v>
      </c>
      <c r="AH226" s="203">
        <v>0.29399999999999998</v>
      </c>
      <c r="AI226" s="97">
        <v>9.801069990193273E-2</v>
      </c>
      <c r="AJ226" s="203">
        <v>0.13600000000000001</v>
      </c>
      <c r="AK226" s="97">
        <v>7.665606150585734E-2</v>
      </c>
      <c r="AL226" s="199">
        <v>84</v>
      </c>
      <c r="AM226" s="203">
        <v>5.2999999999999999E-2</v>
      </c>
      <c r="AN226" s="97">
        <v>5.5572485847951873E-2</v>
      </c>
      <c r="AO226" s="203">
        <v>0.46299999999999997</v>
      </c>
      <c r="AP226" s="97">
        <v>0.10633408459641328</v>
      </c>
      <c r="AQ226" s="203">
        <v>0.125</v>
      </c>
      <c r="AR226" s="97">
        <v>7.4427677949326254E-2</v>
      </c>
      <c r="AS226" s="203">
        <v>0.35899999999999999</v>
      </c>
      <c r="AT226" s="97">
        <v>0.1026656725825236</v>
      </c>
    </row>
    <row r="235" spans="1:46" ht="18.75">
      <c r="A235" s="316" t="s">
        <v>16</v>
      </c>
      <c r="B235" s="316"/>
      <c r="C235" s="316"/>
      <c r="D235" s="316"/>
    </row>
    <row r="236" spans="1:46" ht="84.75" customHeight="1">
      <c r="A236" s="386" t="s">
        <v>494</v>
      </c>
      <c r="B236" s="386"/>
      <c r="C236" s="386"/>
      <c r="D236" s="386"/>
    </row>
    <row r="237" spans="1:46" ht="38.25" customHeight="1">
      <c r="A237" s="364" t="s">
        <v>168</v>
      </c>
      <c r="B237" s="364"/>
      <c r="C237" s="364"/>
      <c r="D237" s="364"/>
    </row>
    <row r="238" spans="1:46" ht="40.5" customHeight="1">
      <c r="A238" s="37" t="s">
        <v>85</v>
      </c>
      <c r="B238" s="38" t="s">
        <v>86</v>
      </c>
      <c r="C238" s="39" t="s">
        <v>87</v>
      </c>
      <c r="D238" s="40" t="s">
        <v>88</v>
      </c>
    </row>
    <row r="239" spans="1:46" ht="72">
      <c r="A239" s="41"/>
      <c r="B239" s="42" t="s">
        <v>89</v>
      </c>
      <c r="C239" s="126" t="s">
        <v>169</v>
      </c>
      <c r="D239" s="44" t="s">
        <v>91</v>
      </c>
    </row>
    <row r="240" spans="1:46">
      <c r="A240" s="45" t="s">
        <v>436</v>
      </c>
      <c r="B240" s="204">
        <v>11010</v>
      </c>
      <c r="C240" s="84">
        <v>5.5</v>
      </c>
      <c r="D240" s="85">
        <v>1.9599999999999999E-2</v>
      </c>
    </row>
    <row r="241" spans="1:4">
      <c r="A241" s="49" t="s">
        <v>437</v>
      </c>
      <c r="B241" s="49">
        <v>8885</v>
      </c>
      <c r="C241" s="206">
        <v>5.61</v>
      </c>
      <c r="D241" s="207">
        <v>1.9599999999999999E-2</v>
      </c>
    </row>
    <row r="242" spans="1:4">
      <c r="A242" s="53" t="s">
        <v>438</v>
      </c>
      <c r="B242" s="53">
        <v>1962</v>
      </c>
      <c r="C242" s="84">
        <v>5.36</v>
      </c>
      <c r="D242" s="85">
        <v>5.8799999999999998E-2</v>
      </c>
    </row>
    <row r="243" spans="1:4">
      <c r="A243" s="49" t="s">
        <v>439</v>
      </c>
      <c r="B243" s="49">
        <v>903</v>
      </c>
      <c r="C243" s="206">
        <v>5.52</v>
      </c>
      <c r="D243" s="207">
        <v>7.8399999999999997E-2</v>
      </c>
    </row>
    <row r="244" spans="1:4">
      <c r="A244" s="53" t="s">
        <v>440</v>
      </c>
      <c r="B244" s="53">
        <v>722</v>
      </c>
      <c r="C244" s="84">
        <v>5.6</v>
      </c>
      <c r="D244" s="85">
        <v>7.8399999999999997E-2</v>
      </c>
    </row>
    <row r="245" spans="1:4" ht="25.5">
      <c r="A245" s="49" t="s">
        <v>453</v>
      </c>
      <c r="B245" s="49">
        <v>136</v>
      </c>
      <c r="C245" s="206">
        <v>6.3</v>
      </c>
      <c r="D245" s="207">
        <v>0.13720000000000002</v>
      </c>
    </row>
    <row r="246" spans="1:4">
      <c r="A246" s="53" t="s">
        <v>441</v>
      </c>
      <c r="B246" s="53">
        <v>79</v>
      </c>
      <c r="C246" s="84">
        <v>6.34</v>
      </c>
      <c r="D246" s="85">
        <v>0.19600000000000001</v>
      </c>
    </row>
    <row r="247" spans="1:4">
      <c r="A247" s="49" t="s">
        <v>446</v>
      </c>
      <c r="B247" s="49">
        <v>161</v>
      </c>
      <c r="C247" s="206">
        <v>5.05</v>
      </c>
      <c r="D247" s="207">
        <v>0.1764</v>
      </c>
    </row>
    <row r="248" spans="1:4">
      <c r="A248" s="53" t="s">
        <v>447</v>
      </c>
      <c r="B248" s="53">
        <v>113</v>
      </c>
      <c r="C248" s="84">
        <v>5.67</v>
      </c>
      <c r="D248" s="85">
        <v>0.19600000000000001</v>
      </c>
    </row>
    <row r="249" spans="1:4">
      <c r="A249" s="49" t="s">
        <v>442</v>
      </c>
      <c r="B249" s="49">
        <v>79</v>
      </c>
      <c r="C249" s="206">
        <v>5.46</v>
      </c>
      <c r="D249" s="207">
        <v>0.21559999999999999</v>
      </c>
    </row>
    <row r="250" spans="1:4">
      <c r="A250" s="45" t="s">
        <v>448</v>
      </c>
      <c r="B250" s="204">
        <v>292</v>
      </c>
      <c r="C250" s="84">
        <v>5.46</v>
      </c>
      <c r="D250" s="85">
        <v>0.1176</v>
      </c>
    </row>
    <row r="251" spans="1:4" ht="25.5">
      <c r="A251" s="49" t="s">
        <v>443</v>
      </c>
      <c r="B251" s="205">
        <v>127</v>
      </c>
      <c r="C251" s="206">
        <v>5.82</v>
      </c>
      <c r="D251" s="207">
        <v>0.15679999999999999</v>
      </c>
    </row>
    <row r="252" spans="1:4" ht="25.5">
      <c r="A252" s="53" t="s">
        <v>444</v>
      </c>
      <c r="B252" s="83">
        <v>81</v>
      </c>
      <c r="C252" s="84">
        <v>5.09</v>
      </c>
      <c r="D252" s="85">
        <v>0.25480000000000003</v>
      </c>
    </row>
    <row r="253" spans="1:4">
      <c r="A253" s="49" t="s">
        <v>445</v>
      </c>
      <c r="B253" s="205">
        <v>84</v>
      </c>
      <c r="C253" s="206">
        <v>5.26</v>
      </c>
      <c r="D253" s="207">
        <v>0.23519999999999999</v>
      </c>
    </row>
    <row r="254" spans="1:4">
      <c r="A254" s="57" t="s">
        <v>449</v>
      </c>
      <c r="B254" s="204">
        <v>109</v>
      </c>
      <c r="C254" s="84">
        <v>5.42</v>
      </c>
      <c r="D254" s="85">
        <v>0.21559999999999999</v>
      </c>
    </row>
    <row r="255" spans="1:4">
      <c r="A255" s="49" t="s">
        <v>454</v>
      </c>
      <c r="B255" s="205">
        <v>83</v>
      </c>
      <c r="C255" s="206">
        <v>5.31</v>
      </c>
      <c r="D255" s="207">
        <v>0.23519999999999999</v>
      </c>
    </row>
    <row r="263" spans="1:38">
      <c r="P263" s="256"/>
      <c r="Q263" s="256"/>
      <c r="R263" s="256"/>
      <c r="S263" s="256"/>
      <c r="T263" s="256"/>
      <c r="U263" s="256"/>
      <c r="V263" s="256"/>
      <c r="W263" s="256"/>
      <c r="X263" s="256"/>
      <c r="Y263" s="256"/>
      <c r="Z263" s="256"/>
      <c r="AA263" s="256"/>
      <c r="AB263" s="256"/>
      <c r="AC263" s="256"/>
      <c r="AD263" s="256"/>
      <c r="AE263" s="256"/>
      <c r="AF263" s="256"/>
      <c r="AG263" s="256"/>
      <c r="AH263" s="256"/>
    </row>
    <row r="264" spans="1:38" ht="18.75">
      <c r="A264" s="316" t="s">
        <v>53</v>
      </c>
      <c r="B264" s="316"/>
      <c r="C264" s="316"/>
      <c r="D264" s="316"/>
      <c r="E264" s="316"/>
      <c r="F264" s="316"/>
      <c r="G264" s="316"/>
      <c r="H264" s="316"/>
      <c r="I264" s="316"/>
      <c r="J264" s="316"/>
      <c r="K264" s="316"/>
      <c r="L264" s="316"/>
      <c r="M264" s="316"/>
      <c r="N264" s="316"/>
      <c r="O264" s="316"/>
      <c r="P264" s="316"/>
      <c r="Q264" s="316"/>
      <c r="R264" s="316"/>
      <c r="S264" s="316"/>
      <c r="T264" s="226"/>
      <c r="U264" s="226"/>
      <c r="V264" s="226"/>
      <c r="W264" s="256"/>
      <c r="X264" s="256"/>
      <c r="Y264" s="256"/>
      <c r="Z264" s="256"/>
      <c r="AA264" s="256"/>
      <c r="AB264" s="256"/>
      <c r="AC264" s="256"/>
      <c r="AD264" s="256"/>
      <c r="AE264" s="256"/>
      <c r="AF264" s="256"/>
      <c r="AG264" s="256"/>
      <c r="AH264" s="256"/>
    </row>
    <row r="265" spans="1:38" ht="44.25" customHeight="1">
      <c r="A265" s="385" t="s">
        <v>495</v>
      </c>
      <c r="B265" s="385"/>
      <c r="C265" s="385"/>
      <c r="D265" s="385"/>
      <c r="E265" s="385"/>
      <c r="F265" s="385"/>
      <c r="G265" s="385"/>
      <c r="H265" s="385"/>
      <c r="I265" s="385"/>
      <c r="J265" s="385"/>
      <c r="K265" s="385"/>
      <c r="L265" s="385"/>
      <c r="M265" s="385"/>
      <c r="N265" s="385"/>
      <c r="O265" s="385"/>
      <c r="P265" s="385"/>
      <c r="Q265" s="385"/>
      <c r="R265" s="385"/>
      <c r="S265" s="385"/>
      <c r="T265" s="257"/>
      <c r="U265" s="257"/>
      <c r="V265" s="257"/>
      <c r="W265" s="256"/>
      <c r="X265" s="256"/>
      <c r="Y265" s="256"/>
      <c r="Z265" s="256"/>
      <c r="AA265" s="256"/>
      <c r="AB265" s="256"/>
      <c r="AC265" s="256"/>
      <c r="AD265" s="256"/>
      <c r="AE265" s="256"/>
      <c r="AF265" s="256"/>
      <c r="AG265" s="256"/>
      <c r="AH265" s="256"/>
    </row>
    <row r="266" spans="1:38" ht="35.25" customHeight="1">
      <c r="A266" s="64"/>
      <c r="B266" s="376" t="s">
        <v>281</v>
      </c>
      <c r="C266" s="377"/>
      <c r="D266" s="377"/>
      <c r="E266" s="377"/>
      <c r="F266" s="377"/>
      <c r="G266" s="377"/>
      <c r="H266" s="377"/>
      <c r="I266" s="377"/>
      <c r="J266" s="378"/>
      <c r="K266" s="376" t="s">
        <v>282</v>
      </c>
      <c r="L266" s="377"/>
      <c r="M266" s="377"/>
      <c r="N266" s="377"/>
      <c r="O266" s="377"/>
      <c r="P266" s="377"/>
      <c r="Q266" s="377"/>
      <c r="R266" s="377"/>
      <c r="S266" s="378"/>
      <c r="T266" s="256"/>
      <c r="U266" s="256"/>
      <c r="V266" s="256"/>
      <c r="W266" s="256"/>
      <c r="X266" s="256"/>
      <c r="Y266" s="256"/>
      <c r="Z266" s="256"/>
      <c r="AA266" s="256"/>
      <c r="AB266" s="256"/>
      <c r="AC266" s="256"/>
      <c r="AD266" s="256"/>
      <c r="AE266" s="256"/>
      <c r="AF266" s="256"/>
      <c r="AG266" s="256"/>
      <c r="AH266" s="256"/>
      <c r="AI266" s="256"/>
      <c r="AJ266" s="256"/>
      <c r="AK266" s="256"/>
      <c r="AL266" s="256"/>
    </row>
    <row r="267" spans="1:38" ht="59.25" customHeight="1">
      <c r="A267" s="37" t="s">
        <v>85</v>
      </c>
      <c r="B267" s="38" t="s">
        <v>86</v>
      </c>
      <c r="C267" s="38" t="s">
        <v>257</v>
      </c>
      <c r="D267" s="89" t="s">
        <v>351</v>
      </c>
      <c r="E267" s="38" t="s">
        <v>352</v>
      </c>
      <c r="F267" s="89" t="s">
        <v>319</v>
      </c>
      <c r="G267" s="38" t="s">
        <v>353</v>
      </c>
      <c r="H267" s="89" t="s">
        <v>320</v>
      </c>
      <c r="I267" s="38" t="s">
        <v>357</v>
      </c>
      <c r="J267" s="89" t="s">
        <v>371</v>
      </c>
      <c r="K267" s="65" t="s">
        <v>86</v>
      </c>
      <c r="L267" s="65" t="s">
        <v>257</v>
      </c>
      <c r="M267" s="88" t="s">
        <v>351</v>
      </c>
      <c r="N267" s="65" t="s">
        <v>352</v>
      </c>
      <c r="O267" s="88" t="s">
        <v>319</v>
      </c>
      <c r="P267" s="65" t="s">
        <v>353</v>
      </c>
      <c r="Q267" s="259" t="s">
        <v>320</v>
      </c>
      <c r="R267" s="65" t="s">
        <v>357</v>
      </c>
      <c r="S267" s="88" t="s">
        <v>371</v>
      </c>
      <c r="T267" s="256"/>
      <c r="U267" s="256"/>
      <c r="V267" s="256"/>
      <c r="W267" s="256"/>
      <c r="X267" s="256"/>
      <c r="Y267" s="256"/>
      <c r="Z267" s="256"/>
      <c r="AA267" s="256"/>
      <c r="AB267" s="256"/>
      <c r="AC267" s="256"/>
      <c r="AD267" s="256"/>
      <c r="AE267" s="256"/>
      <c r="AF267" s="256"/>
      <c r="AG267" s="256"/>
      <c r="AH267" s="256"/>
      <c r="AI267" s="256"/>
      <c r="AJ267" s="256"/>
      <c r="AK267" s="256"/>
      <c r="AL267" s="256"/>
    </row>
    <row r="268" spans="1:38" ht="72">
      <c r="A268" s="41"/>
      <c r="B268" s="42" t="s">
        <v>89</v>
      </c>
      <c r="C268" s="42" t="s">
        <v>181</v>
      </c>
      <c r="D268" s="91" t="s">
        <v>104</v>
      </c>
      <c r="E268" s="42" t="s">
        <v>182</v>
      </c>
      <c r="F268" s="91" t="s">
        <v>104</v>
      </c>
      <c r="G268" s="42" t="s">
        <v>183</v>
      </c>
      <c r="H268" s="91" t="s">
        <v>104</v>
      </c>
      <c r="I268" s="42" t="s">
        <v>357</v>
      </c>
      <c r="J268" s="91" t="s">
        <v>104</v>
      </c>
      <c r="K268" s="68" t="s">
        <v>89</v>
      </c>
      <c r="L268" s="68" t="s">
        <v>181</v>
      </c>
      <c r="M268" s="90" t="s">
        <v>104</v>
      </c>
      <c r="N268" s="68" t="s">
        <v>182</v>
      </c>
      <c r="O268" s="90" t="s">
        <v>104</v>
      </c>
      <c r="P268" s="68" t="s">
        <v>183</v>
      </c>
      <c r="Q268" s="273" t="s">
        <v>104</v>
      </c>
      <c r="R268" s="68" t="s">
        <v>357</v>
      </c>
      <c r="S268" s="90" t="s">
        <v>104</v>
      </c>
    </row>
    <row r="269" spans="1:38">
      <c r="A269" s="45" t="s">
        <v>436</v>
      </c>
      <c r="B269" s="204">
        <v>10996</v>
      </c>
      <c r="C269" s="208">
        <v>0.08</v>
      </c>
      <c r="D269" s="94">
        <v>5.1778643397893511E-3</v>
      </c>
      <c r="E269" s="208">
        <v>0.114</v>
      </c>
      <c r="F269" s="94">
        <v>6.0636724853184573E-3</v>
      </c>
      <c r="G269" s="208">
        <v>0.79800000000000004</v>
      </c>
      <c r="H269" s="94">
        <v>7.6576894921402067E-3</v>
      </c>
      <c r="I269" s="208">
        <v>8.0000000000000002E-3</v>
      </c>
      <c r="J269" s="94">
        <v>1.7175050125100056E-3</v>
      </c>
      <c r="K269" s="204">
        <v>10971</v>
      </c>
      <c r="L269" s="210">
        <v>7.2999999999999995E-2</v>
      </c>
      <c r="M269" s="94">
        <v>4.9711286993327228E-3</v>
      </c>
      <c r="N269" s="208">
        <v>0.13200000000000001</v>
      </c>
      <c r="O269" s="94">
        <v>6.4648958237158291E-3</v>
      </c>
      <c r="P269" s="208">
        <v>0.78800000000000003</v>
      </c>
      <c r="Q269" s="274">
        <v>7.8043606594874375E-3</v>
      </c>
      <c r="R269" s="208">
        <v>8.0000000000000002E-3</v>
      </c>
      <c r="S269" s="94">
        <v>1.7195025405736641E-3</v>
      </c>
    </row>
    <row r="270" spans="1:38">
      <c r="A270" s="49" t="s">
        <v>437</v>
      </c>
      <c r="B270" s="205">
        <v>8848</v>
      </c>
      <c r="C270" s="209">
        <v>0.08</v>
      </c>
      <c r="D270" s="97">
        <v>5.77321775012638E-3</v>
      </c>
      <c r="E270" s="209">
        <v>0.09</v>
      </c>
      <c r="F270" s="97">
        <v>6.0891066032065476E-3</v>
      </c>
      <c r="G270" s="209">
        <v>0.82599999999999996</v>
      </c>
      <c r="H270" s="97">
        <v>8.0615578238856928E-3</v>
      </c>
      <c r="I270" s="209">
        <v>4.0000000000000001E-3</v>
      </c>
      <c r="J270" s="97">
        <v>1.3786649574526128E-3</v>
      </c>
      <c r="K270" s="205">
        <v>8824</v>
      </c>
      <c r="L270" s="209">
        <v>6.8000000000000005E-2</v>
      </c>
      <c r="M270" s="97">
        <v>5.3658657756638396E-3</v>
      </c>
      <c r="N270" s="209">
        <v>0.12</v>
      </c>
      <c r="O270" s="97">
        <v>6.9214908231813605E-3</v>
      </c>
      <c r="P270" s="209">
        <v>0.80900000000000005</v>
      </c>
      <c r="Q270" s="275">
        <v>8.3697273672447038E-3</v>
      </c>
      <c r="R270" s="209">
        <v>3.0000000000000001E-3</v>
      </c>
      <c r="S270" s="97">
        <v>1.2069108323037394E-3</v>
      </c>
    </row>
    <row r="271" spans="1:38">
      <c r="A271" s="53" t="s">
        <v>438</v>
      </c>
      <c r="B271" s="204">
        <v>1983</v>
      </c>
      <c r="C271" s="208">
        <v>8.2600000000000007E-2</v>
      </c>
      <c r="D271" s="94">
        <v>1.2407928405831475E-2</v>
      </c>
      <c r="E271" s="208">
        <v>0.16009999999999999</v>
      </c>
      <c r="F271" s="94">
        <v>1.64812301671046E-2</v>
      </c>
      <c r="G271" s="208">
        <v>0.74270000000000003</v>
      </c>
      <c r="H271" s="94">
        <v>1.9625770367670839E-2</v>
      </c>
      <c r="I271" s="208">
        <v>1.4500000000000001E-2</v>
      </c>
      <c r="J271" s="94">
        <v>5.5385012559716019E-3</v>
      </c>
      <c r="K271" s="204">
        <v>1984</v>
      </c>
      <c r="L271" s="210">
        <v>6.2300000000000001E-2</v>
      </c>
      <c r="M271" s="94">
        <v>1.0912942979242916E-2</v>
      </c>
      <c r="N271" s="208">
        <v>0.1482</v>
      </c>
      <c r="O271" s="94">
        <v>1.5968675332372655E-2</v>
      </c>
      <c r="P271" s="208">
        <v>0.77449999999999997</v>
      </c>
      <c r="Q271" s="274">
        <v>1.8762127681943033E-2</v>
      </c>
      <c r="R271" s="208">
        <v>1.4999999999999999E-2</v>
      </c>
      <c r="S271" s="94">
        <v>5.624147989777231E-3</v>
      </c>
    </row>
    <row r="272" spans="1:38">
      <c r="A272" s="49" t="s">
        <v>439</v>
      </c>
      <c r="B272" s="205">
        <v>905</v>
      </c>
      <c r="C272" s="209">
        <v>6.2E-2</v>
      </c>
      <c r="D272" s="97">
        <v>1.6227301987670136E-2</v>
      </c>
      <c r="E272" s="209">
        <v>0.10299999999999999</v>
      </c>
      <c r="F272" s="97">
        <v>2.0313824541410667E-2</v>
      </c>
      <c r="G272" s="209">
        <v>0.82799999999999996</v>
      </c>
      <c r="H272" s="97">
        <v>2.5116735214933419E-2</v>
      </c>
      <c r="I272" s="209">
        <v>8.0000000000000002E-3</v>
      </c>
      <c r="J272" s="97">
        <v>6.6540107399257042E-3</v>
      </c>
      <c r="K272" s="205">
        <v>900</v>
      </c>
      <c r="L272" s="209">
        <v>6.5000000000000002E-2</v>
      </c>
      <c r="M272" s="97">
        <v>1.6622547426898518E-2</v>
      </c>
      <c r="N272" s="209">
        <v>0.11799999999999999</v>
      </c>
      <c r="O272" s="97">
        <v>2.1592003788116331E-2</v>
      </c>
      <c r="P272" s="209">
        <v>0.80900000000000005</v>
      </c>
      <c r="Q272" s="275">
        <v>2.6219132311424299E-2</v>
      </c>
      <c r="R272" s="209">
        <v>8.9999999999999993E-3</v>
      </c>
      <c r="S272" s="97">
        <v>6.9916954950399474E-3</v>
      </c>
    </row>
    <row r="273" spans="1:19">
      <c r="A273" s="53" t="s">
        <v>440</v>
      </c>
      <c r="B273" s="204">
        <v>720</v>
      </c>
      <c r="C273" s="208">
        <v>4.9000000000000002E-2</v>
      </c>
      <c r="D273" s="94">
        <v>1.6426685644671542E-2</v>
      </c>
      <c r="E273" s="208">
        <v>8.1000000000000003E-2</v>
      </c>
      <c r="F273" s="94">
        <v>2.0541501140923145E-2</v>
      </c>
      <c r="G273" s="208">
        <v>0.86799999999999999</v>
      </c>
      <c r="H273" s="94">
        <v>2.5323134237174055E-2</v>
      </c>
      <c r="I273" s="208">
        <v>1E-3</v>
      </c>
      <c r="J273" s="94">
        <v>4.5473516875841995E-3</v>
      </c>
      <c r="K273" s="204">
        <v>715</v>
      </c>
      <c r="L273" s="210">
        <v>7.1999999999999995E-2</v>
      </c>
      <c r="M273" s="94">
        <v>1.9570995407516015E-2</v>
      </c>
      <c r="N273" s="208">
        <v>9.1999999999999998E-2</v>
      </c>
      <c r="O273" s="94">
        <v>2.1794720671257702E-2</v>
      </c>
      <c r="P273" s="208">
        <v>0.83299999999999996</v>
      </c>
      <c r="Q273" s="274">
        <v>2.7942060220470851E-2</v>
      </c>
      <c r="R273" s="208">
        <v>3.0000000000000001E-3</v>
      </c>
      <c r="S273" s="94">
        <v>5.6468715267111629E-3</v>
      </c>
    </row>
    <row r="274" spans="1:19" ht="25.5">
      <c r="A274" s="49" t="s">
        <v>453</v>
      </c>
      <c r="B274" s="205">
        <v>136</v>
      </c>
      <c r="C274" s="209">
        <v>8.9999999999999993E-3</v>
      </c>
      <c r="D274" s="97">
        <v>2.5353645174119647E-2</v>
      </c>
      <c r="E274" s="209">
        <v>8.9999999999999993E-3</v>
      </c>
      <c r="F274" s="97">
        <v>2.5353645174119647E-2</v>
      </c>
      <c r="G274" s="209">
        <v>0.98299999999999998</v>
      </c>
      <c r="H274" s="97">
        <v>2.9204383232658782E-2</v>
      </c>
      <c r="I274" s="209">
        <v>0</v>
      </c>
      <c r="J274" s="97">
        <v>2.0058224286213251E-2</v>
      </c>
      <c r="K274" s="205">
        <v>136</v>
      </c>
      <c r="L274" s="209">
        <v>1.4E-2</v>
      </c>
      <c r="M274" s="97">
        <v>2.7830148721172253E-2</v>
      </c>
      <c r="N274" s="209">
        <v>0.03</v>
      </c>
      <c r="O274" s="97">
        <v>3.4451842419007728E-2</v>
      </c>
      <c r="P274" s="209">
        <v>0.95599999999999996</v>
      </c>
      <c r="Q274" s="275">
        <v>3.9197781813839511E-2</v>
      </c>
      <c r="R274" s="209">
        <v>0</v>
      </c>
      <c r="S274" s="97">
        <v>2.0058224286213251E-2</v>
      </c>
    </row>
    <row r="275" spans="1:19">
      <c r="A275" s="53" t="s">
        <v>441</v>
      </c>
      <c r="B275" s="204">
        <v>79</v>
      </c>
      <c r="C275" s="208">
        <v>1.4999999999999999E-2</v>
      </c>
      <c r="D275" s="94">
        <v>4.2170605268624782E-2</v>
      </c>
      <c r="E275" s="208">
        <v>1.6E-2</v>
      </c>
      <c r="F275" s="94">
        <v>4.2669264291516136E-2</v>
      </c>
      <c r="G275" s="208">
        <v>0.96799999999999997</v>
      </c>
      <c r="H275" s="94">
        <v>4.9856688250894128E-2</v>
      </c>
      <c r="I275" s="208">
        <v>0</v>
      </c>
      <c r="J275" s="94">
        <v>3.3664360151118053E-2</v>
      </c>
      <c r="K275" s="204">
        <v>79</v>
      </c>
      <c r="L275" s="210">
        <v>1.6E-2</v>
      </c>
      <c r="M275" s="94">
        <v>4.2669264291516136E-2</v>
      </c>
      <c r="N275" s="208">
        <v>4.2000000000000003E-2</v>
      </c>
      <c r="O275" s="94">
        <v>5.3758509965212149E-2</v>
      </c>
      <c r="P275" s="208">
        <v>0.94199999999999995</v>
      </c>
      <c r="Q275" s="274">
        <v>5.9318427512685679E-2</v>
      </c>
      <c r="R275" s="208">
        <v>0</v>
      </c>
      <c r="S275" s="94">
        <v>3.3664360151118053E-2</v>
      </c>
    </row>
    <row r="276" spans="1:19">
      <c r="A276" s="49" t="s">
        <v>446</v>
      </c>
      <c r="B276" s="205">
        <v>165</v>
      </c>
      <c r="C276" s="209">
        <v>9.0999999999999998E-2</v>
      </c>
      <c r="D276" s="97">
        <v>4.6293101625273503E-2</v>
      </c>
      <c r="E276" s="209">
        <v>0.17199999999999999</v>
      </c>
      <c r="F276" s="97">
        <v>5.9075413580396981E-2</v>
      </c>
      <c r="G276" s="209">
        <v>0.71</v>
      </c>
      <c r="H276" s="97">
        <v>7.0158378555876866E-2</v>
      </c>
      <c r="I276" s="209">
        <v>2.7E-2</v>
      </c>
      <c r="J276" s="97">
        <v>2.94872905754551E-2</v>
      </c>
      <c r="K276" s="205">
        <v>165</v>
      </c>
      <c r="L276" s="209">
        <v>5.3999999999999999E-2</v>
      </c>
      <c r="M276" s="97">
        <v>3.780632938416973E-2</v>
      </c>
      <c r="N276" s="209">
        <v>0.217</v>
      </c>
      <c r="O276" s="97">
        <v>6.4111096077349439E-2</v>
      </c>
      <c r="P276" s="209">
        <v>0.70299999999999996</v>
      </c>
      <c r="Q276" s="275">
        <v>7.0621691762457944E-2</v>
      </c>
      <c r="R276" s="209">
        <v>2.7E-2</v>
      </c>
      <c r="S276" s="97">
        <v>2.94872905754551E-2</v>
      </c>
    </row>
    <row r="277" spans="1:19">
      <c r="A277" s="53" t="s">
        <v>447</v>
      </c>
      <c r="B277" s="204">
        <v>113</v>
      </c>
      <c r="C277" s="208">
        <v>1.7000000000000001E-2</v>
      </c>
      <c r="D277" s="94">
        <v>3.3276726999483495E-2</v>
      </c>
      <c r="E277" s="208">
        <v>3.3000000000000002E-2</v>
      </c>
      <c r="F277" s="94">
        <v>3.9900800593617773E-2</v>
      </c>
      <c r="G277" s="208">
        <v>0.95</v>
      </c>
      <c r="H277" s="94">
        <v>4.5707904815090211E-2</v>
      </c>
      <c r="I277" s="208">
        <v>0</v>
      </c>
      <c r="J277" s="94">
        <v>2.3967079753657358E-2</v>
      </c>
      <c r="K277" s="204">
        <v>113</v>
      </c>
      <c r="L277" s="210">
        <v>0.14899999999999999</v>
      </c>
      <c r="M277" s="94">
        <v>6.7956496893861962E-2</v>
      </c>
      <c r="N277" s="208">
        <v>6.3E-2</v>
      </c>
      <c r="O277" s="94">
        <v>4.956753165799415E-2</v>
      </c>
      <c r="P277" s="208">
        <v>0.78900000000000003</v>
      </c>
      <c r="Q277" s="274">
        <v>7.6703941095141989E-2</v>
      </c>
      <c r="R277" s="208">
        <v>0</v>
      </c>
      <c r="S277" s="94">
        <v>2.3967079753657358E-2</v>
      </c>
    </row>
    <row r="278" spans="1:19">
      <c r="A278" s="49" t="s">
        <v>442</v>
      </c>
      <c r="B278" s="205">
        <v>79</v>
      </c>
      <c r="C278" s="209">
        <v>1.4E-2</v>
      </c>
      <c r="D278" s="97">
        <v>4.1664930853609498E-2</v>
      </c>
      <c r="E278" s="209">
        <v>3.5999999999999997E-2</v>
      </c>
      <c r="F278" s="97">
        <v>5.1463116950182804E-2</v>
      </c>
      <c r="G278" s="209">
        <v>0.95</v>
      </c>
      <c r="H278" s="97">
        <v>5.6631447389742885E-2</v>
      </c>
      <c r="I278" s="209">
        <v>0</v>
      </c>
      <c r="J278" s="97">
        <v>3.3664360151118053E-2</v>
      </c>
      <c r="K278" s="205">
        <v>79</v>
      </c>
      <c r="L278" s="209">
        <v>0.214</v>
      </c>
      <c r="M278" s="97">
        <v>9.2070684492329455E-2</v>
      </c>
      <c r="N278" s="209">
        <v>7.3999999999999996E-2</v>
      </c>
      <c r="O278" s="97">
        <v>6.4226323021392015E-2</v>
      </c>
      <c r="P278" s="209">
        <v>0.71199999999999997</v>
      </c>
      <c r="Q278" s="275">
        <v>0.10042885569740746</v>
      </c>
      <c r="R278" s="209">
        <v>0</v>
      </c>
      <c r="S278" s="97">
        <v>3.3664360151118053E-2</v>
      </c>
    </row>
    <row r="279" spans="1:19">
      <c r="A279" s="45" t="s">
        <v>448</v>
      </c>
      <c r="B279" s="204">
        <v>291</v>
      </c>
      <c r="C279" s="208">
        <v>6.0999999999999999E-2</v>
      </c>
      <c r="D279" s="94">
        <v>2.9104114553936574E-2</v>
      </c>
      <c r="E279" s="208">
        <v>0.123</v>
      </c>
      <c r="F279" s="94">
        <v>3.891742054353927E-2</v>
      </c>
      <c r="G279" s="208">
        <v>0.81299999999999994</v>
      </c>
      <c r="H279" s="94">
        <v>4.5795384909837963E-2</v>
      </c>
      <c r="I279" s="208">
        <v>3.0000000000000001E-3</v>
      </c>
      <c r="J279" s="94">
        <v>1.1435380873787277E-2</v>
      </c>
      <c r="K279" s="204">
        <v>288</v>
      </c>
      <c r="L279" s="210">
        <v>6.8000000000000005E-2</v>
      </c>
      <c r="M279" s="94">
        <v>3.0622304935314426E-2</v>
      </c>
      <c r="N279" s="208">
        <v>9.8000000000000004E-2</v>
      </c>
      <c r="O279" s="94">
        <v>3.565304295644231E-2</v>
      </c>
      <c r="P279" s="208">
        <v>0.83399999999999996</v>
      </c>
      <c r="Q279" s="274">
        <v>4.402356078539383E-2</v>
      </c>
      <c r="R279" s="208">
        <v>0</v>
      </c>
      <c r="S279" s="94">
        <v>9.6531646820038133E-3</v>
      </c>
    </row>
    <row r="280" spans="1:19" ht="25.5">
      <c r="A280" s="49" t="s">
        <v>443</v>
      </c>
      <c r="B280" s="205">
        <v>127</v>
      </c>
      <c r="C280" s="209">
        <v>0</v>
      </c>
      <c r="D280" s="97">
        <v>2.1425595681499328E-2</v>
      </c>
      <c r="E280" s="209">
        <v>4.3999999999999997E-2</v>
      </c>
      <c r="F280" s="97">
        <v>4.0819286437245562E-2</v>
      </c>
      <c r="G280" s="209">
        <v>0.95599999999999996</v>
      </c>
      <c r="H280" s="97">
        <v>4.0819286437245583E-2</v>
      </c>
      <c r="I280" s="209">
        <v>0</v>
      </c>
      <c r="J280" s="97">
        <v>2.1425595681499328E-2</v>
      </c>
      <c r="K280" s="205">
        <v>126</v>
      </c>
      <c r="L280" s="209">
        <v>6.2E-2</v>
      </c>
      <c r="M280" s="97">
        <v>4.6336613587550271E-2</v>
      </c>
      <c r="N280" s="209">
        <v>6.4000000000000001E-2</v>
      </c>
      <c r="O280" s="97">
        <v>4.6878646226264711E-2</v>
      </c>
      <c r="P280" s="209">
        <v>0.875</v>
      </c>
      <c r="Q280" s="275">
        <v>6.0229231354160341E-2</v>
      </c>
      <c r="R280" s="209">
        <v>0</v>
      </c>
      <c r="S280" s="97">
        <v>2.158912047524995E-2</v>
      </c>
    </row>
    <row r="281" spans="1:19" ht="25.5">
      <c r="A281" s="53" t="s">
        <v>444</v>
      </c>
      <c r="B281" s="204">
        <v>80</v>
      </c>
      <c r="C281" s="208">
        <v>0.13800000000000001</v>
      </c>
      <c r="D281" s="94">
        <v>7.9023573645235559E-2</v>
      </c>
      <c r="E281" s="208">
        <v>0.20200000000000001</v>
      </c>
      <c r="F281" s="94">
        <v>8.9828448721785484E-2</v>
      </c>
      <c r="G281" s="208">
        <v>0.66</v>
      </c>
      <c r="H281" s="94">
        <v>0.1039184765989264</v>
      </c>
      <c r="I281" s="208">
        <v>0</v>
      </c>
      <c r="J281" s="94">
        <v>3.326848242884628E-2</v>
      </c>
      <c r="K281" s="204">
        <v>80</v>
      </c>
      <c r="L281" s="210">
        <v>7.0999999999999994E-2</v>
      </c>
      <c r="M281" s="94">
        <v>6.2894237662883989E-2</v>
      </c>
      <c r="N281" s="208">
        <v>0.16</v>
      </c>
      <c r="O281" s="94">
        <v>8.3137119178198451E-2</v>
      </c>
      <c r="P281" s="208">
        <v>0.76900000000000002</v>
      </c>
      <c r="Q281" s="274">
        <v>9.3698208528205582E-2</v>
      </c>
      <c r="R281" s="208">
        <v>0</v>
      </c>
      <c r="S281" s="94">
        <v>3.326848242884628E-2</v>
      </c>
    </row>
    <row r="282" spans="1:19">
      <c r="A282" s="49" t="s">
        <v>445</v>
      </c>
      <c r="B282" s="205">
        <v>84</v>
      </c>
      <c r="C282" s="209">
        <v>8.7999999999999995E-2</v>
      </c>
      <c r="D282" s="97">
        <v>6.5829173549101894E-2</v>
      </c>
      <c r="E282" s="209">
        <v>0.17199999999999999</v>
      </c>
      <c r="F282" s="97">
        <v>8.3113854726411862E-2</v>
      </c>
      <c r="G282" s="209">
        <v>0.73</v>
      </c>
      <c r="H282" s="97">
        <v>9.5774306999801675E-2</v>
      </c>
      <c r="I282" s="209">
        <v>0.01</v>
      </c>
      <c r="J282" s="97">
        <v>3.7677578543060856E-2</v>
      </c>
      <c r="K282" s="205">
        <v>82</v>
      </c>
      <c r="L282" s="209">
        <v>7.5999999999999998E-2</v>
      </c>
      <c r="M282" s="97">
        <v>6.3450560775271059E-2</v>
      </c>
      <c r="N282" s="209">
        <v>9.8000000000000004E-2</v>
      </c>
      <c r="O282" s="97">
        <v>6.9241514366809045E-2</v>
      </c>
      <c r="P282" s="209">
        <v>0.82599999999999996</v>
      </c>
      <c r="Q282" s="275">
        <v>8.4462797456037644E-2</v>
      </c>
      <c r="R282" s="209">
        <v>0</v>
      </c>
      <c r="S282" s="97">
        <v>3.2504011252172456E-2</v>
      </c>
    </row>
    <row r="283" spans="1:19">
      <c r="A283" s="57" t="s">
        <v>449</v>
      </c>
      <c r="B283" s="204">
        <v>108</v>
      </c>
      <c r="C283" s="208">
        <v>0.128</v>
      </c>
      <c r="D283" s="94">
        <v>6.5825543572301193E-2</v>
      </c>
      <c r="E283" s="208">
        <v>0.13200000000000001</v>
      </c>
      <c r="F283" s="94">
        <v>6.6568012525124939E-2</v>
      </c>
      <c r="G283" s="208">
        <v>0.74</v>
      </c>
      <c r="H283" s="94">
        <v>8.3760034862894114E-2</v>
      </c>
      <c r="I283" s="208">
        <v>0</v>
      </c>
      <c r="J283" s="94">
        <v>2.5027317436669111E-2</v>
      </c>
      <c r="K283" s="204">
        <v>106</v>
      </c>
      <c r="L283" s="210">
        <v>6.7000000000000004E-2</v>
      </c>
      <c r="M283" s="94">
        <v>5.2535232955874707E-2</v>
      </c>
      <c r="N283" s="208">
        <v>0.16700000000000001</v>
      </c>
      <c r="O283" s="94">
        <v>7.311983301721782E-2</v>
      </c>
      <c r="P283" s="208">
        <v>0.753</v>
      </c>
      <c r="Q283" s="274">
        <v>8.3243686083253624E-2</v>
      </c>
      <c r="R283" s="208">
        <v>1.4E-2</v>
      </c>
      <c r="S283" s="94">
        <v>3.3395462740174048E-2</v>
      </c>
    </row>
    <row r="284" spans="1:19">
      <c r="A284" s="49" t="s">
        <v>454</v>
      </c>
      <c r="B284" s="205">
        <v>83</v>
      </c>
      <c r="C284" s="209">
        <v>8.5000000000000006E-2</v>
      </c>
      <c r="D284" s="97">
        <v>6.5477105822247264E-2</v>
      </c>
      <c r="E284" s="209">
        <v>0.104</v>
      </c>
      <c r="F284" s="97">
        <v>7.0228648241877717E-2</v>
      </c>
      <c r="G284" s="209">
        <v>0.81100000000000005</v>
      </c>
      <c r="H284" s="97">
        <v>8.6294984052553689E-2</v>
      </c>
      <c r="I284" s="209">
        <v>0</v>
      </c>
      <c r="J284" s="97">
        <v>3.2134798233390625E-2</v>
      </c>
      <c r="K284" s="205">
        <v>82</v>
      </c>
      <c r="L284" s="209">
        <v>4.2000000000000003E-2</v>
      </c>
      <c r="M284" s="97">
        <v>5.2515840869244691E-2</v>
      </c>
      <c r="N284" s="209">
        <v>8.5000000000000006E-2</v>
      </c>
      <c r="O284" s="97">
        <v>6.5918678038967227E-2</v>
      </c>
      <c r="P284" s="209">
        <v>0.86099999999999999</v>
      </c>
      <c r="Q284" s="275">
        <v>7.821257740778742E-2</v>
      </c>
      <c r="R284" s="209">
        <v>1.2E-2</v>
      </c>
      <c r="S284" s="97">
        <v>3.9469591361678859E-2</v>
      </c>
    </row>
  </sheetData>
  <mergeCells count="39">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K266:S266"/>
    <mergeCell ref="B266:J266"/>
    <mergeCell ref="A265:S265"/>
    <mergeCell ref="A264:S264"/>
    <mergeCell ref="A235:D235"/>
    <mergeCell ref="A236:D236"/>
    <mergeCell ref="A237:D237"/>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2"/>
  <sheetViews>
    <sheetView zoomScaleNormal="100" workbookViewId="0">
      <selection activeCell="A33" sqref="A33:AK33"/>
    </sheetView>
  </sheetViews>
  <sheetFormatPr defaultColWidth="21.28515625" defaultRowHeight="15"/>
  <cols>
    <col min="1" max="1" width="44.7109375" customWidth="1"/>
  </cols>
  <sheetData>
    <row r="1" spans="1:4" ht="31.5">
      <c r="A1" s="33" t="s">
        <v>54</v>
      </c>
    </row>
    <row r="3" spans="1:4" ht="18.75">
      <c r="A3" s="388" t="s">
        <v>434</v>
      </c>
      <c r="B3" s="388"/>
      <c r="C3" s="388"/>
      <c r="D3" s="388"/>
    </row>
    <row r="4" spans="1:4" ht="96.75" customHeight="1">
      <c r="A4" s="386" t="s">
        <v>496</v>
      </c>
      <c r="B4" s="386"/>
      <c r="C4" s="386"/>
      <c r="D4" s="386"/>
    </row>
    <row r="5" spans="1:4" ht="36.75" customHeight="1">
      <c r="A5" s="364" t="s">
        <v>170</v>
      </c>
      <c r="B5" s="364"/>
      <c r="C5" s="364"/>
      <c r="D5" s="364"/>
    </row>
    <row r="6" spans="1:4" ht="72">
      <c r="A6" s="37" t="s">
        <v>85</v>
      </c>
      <c r="B6" s="38" t="s">
        <v>86</v>
      </c>
      <c r="C6" s="39" t="s">
        <v>87</v>
      </c>
      <c r="D6" s="40" t="s">
        <v>88</v>
      </c>
    </row>
    <row r="7" spans="1:4" ht="60">
      <c r="A7" s="41"/>
      <c r="B7" s="42" t="s">
        <v>89</v>
      </c>
      <c r="C7" s="126" t="s">
        <v>171</v>
      </c>
      <c r="D7" s="44" t="s">
        <v>91</v>
      </c>
    </row>
    <row r="8" spans="1:4">
      <c r="A8" s="45" t="s">
        <v>436</v>
      </c>
      <c r="B8" s="211">
        <v>10771</v>
      </c>
      <c r="C8" s="84">
        <v>4.5999999999999996</v>
      </c>
      <c r="D8" s="85">
        <v>1.9599999999999999E-2</v>
      </c>
    </row>
    <row r="9" spans="1:4">
      <c r="A9" s="49" t="s">
        <v>437</v>
      </c>
      <c r="B9" s="49">
        <v>8708</v>
      </c>
      <c r="C9" s="213">
        <v>4.6100000000000003</v>
      </c>
      <c r="D9" s="214">
        <v>1.9599999999999999E-2</v>
      </c>
    </row>
    <row r="10" spans="1:4">
      <c r="A10" s="53" t="s">
        <v>438</v>
      </c>
      <c r="B10" s="53">
        <v>1898</v>
      </c>
      <c r="C10" s="84">
        <v>4.6900000000000004</v>
      </c>
      <c r="D10" s="85">
        <v>5.8799999999999998E-2</v>
      </c>
    </row>
    <row r="11" spans="1:4">
      <c r="A11" s="49" t="s">
        <v>439</v>
      </c>
      <c r="B11" s="49">
        <v>883</v>
      </c>
      <c r="C11" s="213">
        <v>4.53</v>
      </c>
      <c r="D11" s="214">
        <v>7.8399999999999997E-2</v>
      </c>
    </row>
    <row r="12" spans="1:4">
      <c r="A12" s="53" t="s">
        <v>440</v>
      </c>
      <c r="B12" s="53">
        <v>710</v>
      </c>
      <c r="C12" s="84">
        <v>4.5999999999999996</v>
      </c>
      <c r="D12" s="85">
        <v>7.8399999999999997E-2</v>
      </c>
    </row>
    <row r="13" spans="1:4">
      <c r="A13" s="49" t="s">
        <v>453</v>
      </c>
      <c r="B13" s="49">
        <v>133</v>
      </c>
      <c r="C13" s="213">
        <v>4.67</v>
      </c>
      <c r="D13" s="214">
        <v>0.19600000000000001</v>
      </c>
    </row>
    <row r="14" spans="1:4">
      <c r="A14" s="53" t="s">
        <v>441</v>
      </c>
      <c r="B14" s="53">
        <v>76</v>
      </c>
      <c r="C14" s="84">
        <v>4.7300000000000004</v>
      </c>
      <c r="D14" s="85">
        <v>0.23519999999999999</v>
      </c>
    </row>
    <row r="15" spans="1:4">
      <c r="A15" s="49" t="s">
        <v>446</v>
      </c>
      <c r="B15" s="49">
        <v>152</v>
      </c>
      <c r="C15" s="213">
        <v>4.3899999999999997</v>
      </c>
      <c r="D15" s="214">
        <v>0.1764</v>
      </c>
    </row>
    <row r="16" spans="1:4">
      <c r="A16" s="53" t="s">
        <v>447</v>
      </c>
      <c r="B16" s="53">
        <v>111</v>
      </c>
      <c r="C16" s="84">
        <v>4.59</v>
      </c>
      <c r="D16" s="85">
        <v>0.21559999999999999</v>
      </c>
    </row>
    <row r="17" spans="1:79">
      <c r="A17" s="49" t="s">
        <v>442</v>
      </c>
      <c r="B17" s="49">
        <v>78</v>
      </c>
      <c r="C17" s="213">
        <v>4.6900000000000004</v>
      </c>
      <c r="D17" s="214">
        <v>0.25480000000000003</v>
      </c>
    </row>
    <row r="18" spans="1:79">
      <c r="A18" s="45" t="s">
        <v>448</v>
      </c>
      <c r="B18" s="211">
        <v>291</v>
      </c>
      <c r="C18" s="84">
        <v>4.4000000000000004</v>
      </c>
      <c r="D18" s="85">
        <v>0.13720000000000002</v>
      </c>
    </row>
    <row r="19" spans="1:79" ht="25.5">
      <c r="A19" s="49" t="s">
        <v>443</v>
      </c>
      <c r="B19" s="212">
        <v>127</v>
      </c>
      <c r="C19" s="213">
        <v>4.3499999999999996</v>
      </c>
      <c r="D19" s="214">
        <v>0.1764</v>
      </c>
    </row>
    <row r="20" spans="1:79" ht="25.5">
      <c r="A20" s="53" t="s">
        <v>444</v>
      </c>
      <c r="B20" s="83">
        <v>81</v>
      </c>
      <c r="C20" s="84">
        <v>4.41</v>
      </c>
      <c r="D20" s="85">
        <v>0.29399999999999998</v>
      </c>
    </row>
    <row r="21" spans="1:79">
      <c r="A21" s="49" t="s">
        <v>445</v>
      </c>
      <c r="B21" s="212">
        <v>83</v>
      </c>
      <c r="C21" s="213">
        <v>4.45</v>
      </c>
      <c r="D21" s="214">
        <v>0.21559999999999999</v>
      </c>
    </row>
    <row r="22" spans="1:79">
      <c r="A22" s="57" t="s">
        <v>449</v>
      </c>
      <c r="B22" s="211">
        <v>107</v>
      </c>
      <c r="C22" s="84">
        <v>4.63</v>
      </c>
      <c r="D22" s="85">
        <v>0.21559999999999999</v>
      </c>
    </row>
    <row r="23" spans="1:79">
      <c r="A23" s="49" t="s">
        <v>454</v>
      </c>
      <c r="B23" s="212">
        <v>80</v>
      </c>
      <c r="C23" s="213">
        <v>4.88</v>
      </c>
      <c r="D23" s="214">
        <v>0.27440000000000003</v>
      </c>
    </row>
    <row r="31" spans="1:79">
      <c r="W31" s="256"/>
      <c r="X31" s="256"/>
      <c r="Y31" s="256"/>
      <c r="Z31" s="256"/>
      <c r="AA31" s="256"/>
      <c r="AB31" s="256"/>
      <c r="AC31" s="256"/>
      <c r="AD31" s="256"/>
      <c r="AE31" s="256"/>
      <c r="AF31" s="256"/>
      <c r="AG31" s="256"/>
      <c r="AH31" s="256"/>
      <c r="AI31" s="256"/>
      <c r="AJ31" s="256"/>
      <c r="AK31" s="256"/>
      <c r="AL31" s="256"/>
      <c r="AM31" s="256"/>
      <c r="AN31" s="256"/>
      <c r="AO31" s="256"/>
      <c r="AP31" s="256"/>
      <c r="AQ31" s="256"/>
      <c r="AR31" s="256"/>
      <c r="AS31" s="256"/>
      <c r="AT31" s="256"/>
      <c r="AU31" s="256"/>
      <c r="AV31" s="256"/>
      <c r="AW31" s="256"/>
      <c r="AX31" s="256"/>
      <c r="AY31" s="256"/>
      <c r="AZ31" s="256"/>
      <c r="BA31" s="256"/>
      <c r="BB31" s="256"/>
      <c r="BC31" s="256"/>
      <c r="BD31" s="256"/>
      <c r="BE31" s="256"/>
      <c r="BF31" s="256"/>
      <c r="BG31" s="256"/>
      <c r="BH31" s="256"/>
      <c r="BI31" s="256"/>
      <c r="BJ31" s="256"/>
      <c r="BK31" s="256"/>
      <c r="BL31" s="256"/>
      <c r="BM31" s="256"/>
      <c r="BN31" s="256"/>
      <c r="BO31" s="256"/>
      <c r="BP31" s="256"/>
      <c r="BQ31" s="256"/>
      <c r="BR31" s="256"/>
      <c r="BS31" s="256"/>
      <c r="BT31" s="256"/>
      <c r="BU31" s="256"/>
      <c r="BV31" s="256"/>
      <c r="BW31" s="256"/>
      <c r="BX31" s="256"/>
      <c r="BY31" s="256"/>
      <c r="BZ31" s="256"/>
      <c r="CA31" s="256"/>
    </row>
    <row r="32" spans="1:79" ht="18.75">
      <c r="A32" s="316" t="s">
        <v>55</v>
      </c>
      <c r="B32" s="316"/>
      <c r="C32" s="316"/>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226"/>
      <c r="AM32" s="226"/>
      <c r="AN32" s="226"/>
      <c r="AO32" s="226"/>
      <c r="AP32" s="226"/>
      <c r="AQ32" s="226"/>
      <c r="AR32" s="226"/>
      <c r="AS32" s="226"/>
      <c r="AT32" s="226"/>
      <c r="AU32" s="226"/>
      <c r="AV32" s="226"/>
      <c r="AW32" s="226"/>
      <c r="AX32" s="226"/>
      <c r="AY32" s="226"/>
      <c r="AZ32" s="226"/>
      <c r="BA32" s="226"/>
      <c r="BB32" s="226"/>
      <c r="BC32" s="226"/>
      <c r="BD32" s="226"/>
      <c r="BE32" s="226"/>
      <c r="BF32" s="226"/>
      <c r="BG32" s="226"/>
      <c r="BH32" s="226"/>
      <c r="BI32" s="226"/>
      <c r="BJ32" s="226"/>
      <c r="BK32" s="226"/>
      <c r="BL32" s="226"/>
      <c r="BM32" s="226"/>
      <c r="BN32" s="226"/>
      <c r="BO32" s="226"/>
      <c r="BP32" s="226"/>
      <c r="BQ32" s="226"/>
      <c r="BR32" s="226"/>
      <c r="BS32" s="226"/>
      <c r="BT32" s="226"/>
      <c r="BU32" s="226"/>
      <c r="BV32" s="226"/>
      <c r="BW32" s="226"/>
      <c r="BX32" s="226"/>
      <c r="BY32" s="226"/>
      <c r="BZ32" s="226"/>
      <c r="CA32" s="256"/>
    </row>
    <row r="33" spans="1:85" ht="52.5" customHeight="1">
      <c r="A33" s="385" t="s">
        <v>497</v>
      </c>
      <c r="B33" s="385"/>
      <c r="C33" s="385"/>
      <c r="D33" s="385"/>
      <c r="E33" s="385"/>
      <c r="F33" s="385"/>
      <c r="G33" s="385"/>
      <c r="H33" s="385"/>
      <c r="I33" s="385"/>
      <c r="J33" s="385"/>
      <c r="K33" s="385"/>
      <c r="L33" s="385"/>
      <c r="M33" s="385"/>
      <c r="N33" s="385"/>
      <c r="O33" s="385"/>
      <c r="P33" s="385"/>
      <c r="Q33" s="385"/>
      <c r="R33" s="385"/>
      <c r="S33" s="385"/>
      <c r="T33" s="385"/>
      <c r="U33" s="385"/>
      <c r="V33" s="385"/>
      <c r="W33" s="385"/>
      <c r="X33" s="385"/>
      <c r="Y33" s="385"/>
      <c r="Z33" s="385"/>
      <c r="AA33" s="385"/>
      <c r="AB33" s="385"/>
      <c r="AC33" s="385"/>
      <c r="AD33" s="385"/>
      <c r="AE33" s="385"/>
      <c r="AF33" s="385"/>
      <c r="AG33" s="385"/>
      <c r="AH33" s="385"/>
      <c r="AI33" s="385"/>
      <c r="AJ33" s="385"/>
      <c r="AK33" s="385"/>
      <c r="AL33" s="257"/>
      <c r="AM33" s="257"/>
      <c r="AN33" s="257"/>
      <c r="AO33" s="257"/>
      <c r="AP33" s="257"/>
      <c r="AQ33" s="257"/>
      <c r="AR33" s="257"/>
      <c r="AS33" s="257"/>
      <c r="AT33" s="257"/>
      <c r="AU33" s="257"/>
      <c r="AV33" s="257"/>
      <c r="AW33" s="257"/>
      <c r="AX33" s="257"/>
      <c r="AY33" s="257"/>
      <c r="AZ33" s="257"/>
      <c r="BA33" s="257"/>
      <c r="BB33" s="257"/>
      <c r="BC33" s="257"/>
      <c r="BD33" s="257"/>
      <c r="BE33" s="257"/>
      <c r="BF33" s="257"/>
      <c r="BG33" s="257"/>
      <c r="BH33" s="257"/>
      <c r="BI33" s="257"/>
      <c r="BJ33" s="257"/>
      <c r="BK33" s="257"/>
      <c r="BL33" s="257"/>
      <c r="BM33" s="257"/>
      <c r="BN33" s="257"/>
      <c r="BO33" s="257"/>
      <c r="BP33" s="257"/>
      <c r="BQ33" s="257"/>
      <c r="BR33" s="257"/>
      <c r="BS33" s="257"/>
      <c r="BT33" s="257"/>
      <c r="BU33" s="257"/>
      <c r="BV33" s="257"/>
      <c r="BW33" s="257"/>
      <c r="BX33" s="257"/>
      <c r="BY33" s="257"/>
      <c r="BZ33" s="257"/>
      <c r="CA33" s="256"/>
    </row>
    <row r="34" spans="1:85" ht="33.75" customHeight="1">
      <c r="A34" s="64"/>
      <c r="B34" s="376" t="s">
        <v>283</v>
      </c>
      <c r="C34" s="377"/>
      <c r="D34" s="377"/>
      <c r="E34" s="377"/>
      <c r="F34" s="377"/>
      <c r="G34" s="377"/>
      <c r="H34" s="377"/>
      <c r="I34" s="377"/>
      <c r="J34" s="378"/>
      <c r="K34" s="376" t="s">
        <v>284</v>
      </c>
      <c r="L34" s="377"/>
      <c r="M34" s="377"/>
      <c r="N34" s="377"/>
      <c r="O34" s="377"/>
      <c r="P34" s="377"/>
      <c r="Q34" s="377"/>
      <c r="R34" s="377"/>
      <c r="S34" s="378"/>
      <c r="T34" s="376" t="s">
        <v>374</v>
      </c>
      <c r="U34" s="377"/>
      <c r="V34" s="377"/>
      <c r="W34" s="377"/>
      <c r="X34" s="377"/>
      <c r="Y34" s="377"/>
      <c r="Z34" s="377"/>
      <c r="AA34" s="377"/>
      <c r="AB34" s="378"/>
      <c r="AC34" s="376" t="s">
        <v>426</v>
      </c>
      <c r="AD34" s="377"/>
      <c r="AE34" s="377"/>
      <c r="AF34" s="377"/>
      <c r="AG34" s="377"/>
      <c r="AH34" s="377"/>
      <c r="AI34" s="377"/>
      <c r="AJ34" s="377"/>
      <c r="AK34" s="378"/>
      <c r="AL34" s="256"/>
      <c r="AM34" s="256"/>
      <c r="AN34" s="256"/>
      <c r="AO34" s="256"/>
      <c r="AP34" s="256"/>
      <c r="AQ34" s="256"/>
      <c r="AR34" s="256"/>
      <c r="AS34" s="256"/>
      <c r="AT34" s="256"/>
      <c r="AU34" s="256"/>
      <c r="AV34" s="256"/>
      <c r="AW34" s="256"/>
      <c r="AX34" s="256"/>
      <c r="AY34" s="256"/>
      <c r="AZ34" s="256"/>
      <c r="BA34" s="256"/>
      <c r="BB34" s="256"/>
      <c r="BC34" s="256"/>
      <c r="BD34" s="256"/>
      <c r="BE34" s="256"/>
      <c r="BF34" s="256"/>
      <c r="BG34" s="256"/>
      <c r="BH34" s="256"/>
      <c r="BI34" s="256"/>
      <c r="BJ34" s="256"/>
      <c r="BK34" s="256"/>
      <c r="BL34" s="256"/>
      <c r="BM34" s="256"/>
      <c r="BN34" s="256"/>
      <c r="BO34" s="256"/>
      <c r="BP34" s="256"/>
      <c r="BQ34" s="256"/>
      <c r="BR34" s="256"/>
      <c r="BS34" s="256"/>
      <c r="BT34" s="256"/>
      <c r="BU34" s="256"/>
      <c r="BV34" s="256"/>
      <c r="BW34" s="256"/>
      <c r="BX34" s="256"/>
      <c r="BY34" s="256"/>
      <c r="BZ34" s="256"/>
      <c r="CA34" s="256"/>
      <c r="CB34" s="256"/>
      <c r="CC34" s="256"/>
      <c r="CD34" s="256"/>
      <c r="CE34" s="256"/>
      <c r="CF34" s="256"/>
      <c r="CG34" s="256"/>
    </row>
    <row r="35" spans="1:85" ht="72">
      <c r="A35" s="37" t="s">
        <v>85</v>
      </c>
      <c r="B35" s="38" t="s">
        <v>86</v>
      </c>
      <c r="C35" s="38" t="s">
        <v>257</v>
      </c>
      <c r="D35" s="89" t="s">
        <v>351</v>
      </c>
      <c r="E35" s="38" t="s">
        <v>352</v>
      </c>
      <c r="F35" s="89" t="s">
        <v>319</v>
      </c>
      <c r="G35" s="38" t="s">
        <v>353</v>
      </c>
      <c r="H35" s="89" t="s">
        <v>320</v>
      </c>
      <c r="I35" s="38" t="s">
        <v>357</v>
      </c>
      <c r="J35" s="89" t="s">
        <v>371</v>
      </c>
      <c r="K35" s="65" t="s">
        <v>86</v>
      </c>
      <c r="L35" s="65" t="s">
        <v>257</v>
      </c>
      <c r="M35" s="88" t="s">
        <v>351</v>
      </c>
      <c r="N35" s="65" t="s">
        <v>352</v>
      </c>
      <c r="O35" s="88" t="s">
        <v>319</v>
      </c>
      <c r="P35" s="65" t="s">
        <v>353</v>
      </c>
      <c r="Q35" s="88" t="s">
        <v>320</v>
      </c>
      <c r="R35" s="65" t="s">
        <v>357</v>
      </c>
      <c r="S35" s="88" t="s">
        <v>371</v>
      </c>
      <c r="T35" s="38" t="s">
        <v>86</v>
      </c>
      <c r="U35" s="38" t="s">
        <v>354</v>
      </c>
      <c r="V35" s="89" t="s">
        <v>322</v>
      </c>
      <c r="W35" s="38" t="s">
        <v>377</v>
      </c>
      <c r="X35" s="89" t="s">
        <v>393</v>
      </c>
      <c r="Y35" s="38" t="s">
        <v>376</v>
      </c>
      <c r="Z35" s="89" t="s">
        <v>375</v>
      </c>
      <c r="AA35" s="38" t="s">
        <v>357</v>
      </c>
      <c r="AB35" s="89" t="s">
        <v>371</v>
      </c>
      <c r="AC35" s="38" t="s">
        <v>86</v>
      </c>
      <c r="AD35" s="38" t="s">
        <v>427</v>
      </c>
      <c r="AE35" s="89" t="s">
        <v>428</v>
      </c>
      <c r="AF35" s="38" t="s">
        <v>423</v>
      </c>
      <c r="AG35" s="89" t="s">
        <v>425</v>
      </c>
      <c r="AH35" s="38" t="s">
        <v>429</v>
      </c>
      <c r="AI35" s="89" t="s">
        <v>430</v>
      </c>
      <c r="AJ35" s="38" t="s">
        <v>357</v>
      </c>
      <c r="AK35" s="89" t="s">
        <v>371</v>
      </c>
      <c r="AL35" s="256"/>
      <c r="AM35" s="256"/>
      <c r="AN35" s="256"/>
      <c r="AO35" s="256"/>
      <c r="AP35" s="256"/>
      <c r="AQ35" s="256"/>
      <c r="AR35" s="256"/>
      <c r="AS35" s="256"/>
      <c r="AT35" s="256"/>
      <c r="AU35" s="256"/>
      <c r="AV35" s="256"/>
      <c r="AW35" s="256"/>
      <c r="AX35" s="256"/>
      <c r="AY35" s="256"/>
      <c r="AZ35" s="256"/>
      <c r="BA35" s="256"/>
      <c r="BB35" s="256"/>
      <c r="BC35" s="256"/>
      <c r="BD35" s="256"/>
      <c r="BE35" s="256"/>
      <c r="BF35" s="256"/>
      <c r="BG35" s="256"/>
      <c r="BH35" s="256"/>
      <c r="BI35" s="256"/>
      <c r="BJ35" s="256"/>
      <c r="BK35" s="256"/>
      <c r="BL35" s="256"/>
      <c r="BM35" s="256"/>
      <c r="BN35" s="256"/>
      <c r="BO35" s="256"/>
      <c r="BP35" s="256"/>
      <c r="BQ35" s="256"/>
      <c r="BR35" s="256"/>
      <c r="BS35" s="256"/>
      <c r="BT35" s="256"/>
      <c r="BU35" s="256"/>
      <c r="BV35" s="256"/>
      <c r="BW35" s="256"/>
      <c r="BX35" s="256"/>
      <c r="BY35" s="256"/>
      <c r="BZ35" s="256"/>
      <c r="CA35" s="256"/>
      <c r="CB35" s="256"/>
      <c r="CC35" s="256"/>
      <c r="CD35" s="256"/>
      <c r="CE35" s="256"/>
      <c r="CF35" s="256"/>
      <c r="CG35" s="256"/>
    </row>
    <row r="36" spans="1:85" ht="60">
      <c r="A36" s="41"/>
      <c r="B36" s="42" t="s">
        <v>89</v>
      </c>
      <c r="C36" s="42" t="s">
        <v>181</v>
      </c>
      <c r="D36" s="91" t="s">
        <v>104</v>
      </c>
      <c r="E36" s="42" t="s">
        <v>182</v>
      </c>
      <c r="F36" s="91" t="s">
        <v>104</v>
      </c>
      <c r="G36" s="42" t="s">
        <v>183</v>
      </c>
      <c r="H36" s="91" t="s">
        <v>104</v>
      </c>
      <c r="I36" s="42" t="s">
        <v>357</v>
      </c>
      <c r="J36" s="91" t="s">
        <v>104</v>
      </c>
      <c r="K36" s="68" t="s">
        <v>89</v>
      </c>
      <c r="L36" s="68" t="s">
        <v>181</v>
      </c>
      <c r="M36" s="90" t="s">
        <v>104</v>
      </c>
      <c r="N36" s="68" t="s">
        <v>182</v>
      </c>
      <c r="O36" s="90" t="s">
        <v>104</v>
      </c>
      <c r="P36" s="68" t="s">
        <v>183</v>
      </c>
      <c r="Q36" s="90" t="s">
        <v>104</v>
      </c>
      <c r="R36" s="68" t="s">
        <v>357</v>
      </c>
      <c r="S36" s="90" t="s">
        <v>104</v>
      </c>
      <c r="T36" s="42" t="s">
        <v>89</v>
      </c>
      <c r="U36" s="42" t="s">
        <v>183</v>
      </c>
      <c r="V36" s="91" t="s">
        <v>104</v>
      </c>
      <c r="W36" s="42" t="s">
        <v>182</v>
      </c>
      <c r="X36" s="91" t="s">
        <v>104</v>
      </c>
      <c r="Y36" s="42" t="s">
        <v>181</v>
      </c>
      <c r="Z36" s="91" t="s">
        <v>104</v>
      </c>
      <c r="AA36" s="42" t="s">
        <v>357</v>
      </c>
      <c r="AB36" s="91" t="s">
        <v>104</v>
      </c>
      <c r="AC36" s="42" t="s">
        <v>89</v>
      </c>
      <c r="AD36" s="42" t="s">
        <v>422</v>
      </c>
      <c r="AE36" s="91" t="s">
        <v>104</v>
      </c>
      <c r="AF36" s="42" t="s">
        <v>424</v>
      </c>
      <c r="AG36" s="91" t="s">
        <v>104</v>
      </c>
      <c r="AH36" s="42" t="s">
        <v>181</v>
      </c>
      <c r="AI36" s="91" t="s">
        <v>104</v>
      </c>
      <c r="AJ36" s="42" t="s">
        <v>357</v>
      </c>
      <c r="AK36" s="91" t="s">
        <v>104</v>
      </c>
    </row>
    <row r="37" spans="1:85">
      <c r="A37" s="45" t="s">
        <v>436</v>
      </c>
      <c r="B37" s="211">
        <v>10987</v>
      </c>
      <c r="C37" s="215">
        <v>0.14499999999999999</v>
      </c>
      <c r="D37" s="94">
        <v>6.7195320495849918E-3</v>
      </c>
      <c r="E37" s="215">
        <v>0.17499999999999999</v>
      </c>
      <c r="F37" s="94">
        <v>7.2505837198073879E-3</v>
      </c>
      <c r="G37" s="215">
        <v>0.58299999999999996</v>
      </c>
      <c r="H37" s="94">
        <v>9.4062858935187836E-3</v>
      </c>
      <c r="I37" s="215">
        <v>9.7000000000000003E-2</v>
      </c>
      <c r="J37" s="94">
        <v>5.6498113137452479E-3</v>
      </c>
      <c r="K37" s="211">
        <v>10973</v>
      </c>
      <c r="L37" s="215">
        <v>9.4E-2</v>
      </c>
      <c r="M37" s="94">
        <v>5.574709286512893E-3</v>
      </c>
      <c r="N37" s="215">
        <v>0.17399999999999999</v>
      </c>
      <c r="O37" s="94">
        <v>7.2388533801420046E-3</v>
      </c>
      <c r="P37" s="215">
        <v>0.68300000000000005</v>
      </c>
      <c r="Q37" s="94">
        <v>8.8828559436392226E-3</v>
      </c>
      <c r="R37" s="215">
        <v>4.8000000000000001E-2</v>
      </c>
      <c r="S37" s="94">
        <v>4.0872719165296447E-3</v>
      </c>
      <c r="T37" s="211">
        <v>10981</v>
      </c>
      <c r="U37" s="215">
        <v>0.315</v>
      </c>
      <c r="V37" s="94">
        <v>8.8645277740618655E-3</v>
      </c>
      <c r="W37" s="215">
        <v>0.25700000000000001</v>
      </c>
      <c r="X37" s="94">
        <v>8.3394963339389408E-3</v>
      </c>
      <c r="Y37" s="215">
        <v>0.33099999999999996</v>
      </c>
      <c r="Z37" s="94">
        <v>8.9800222557315443E-3</v>
      </c>
      <c r="AA37" s="215">
        <v>9.6000000000000002E-2</v>
      </c>
      <c r="AB37" s="94">
        <v>5.6253164334750284E-3</v>
      </c>
      <c r="AC37" s="211">
        <v>10981</v>
      </c>
      <c r="AD37" s="215">
        <v>0.13900000000000001</v>
      </c>
      <c r="AE37" s="94">
        <v>6.6040605169667152E-3</v>
      </c>
      <c r="AF37" s="215">
        <v>0.433</v>
      </c>
      <c r="AG37" s="94">
        <v>9.4551480529282261E-3</v>
      </c>
      <c r="AH37" s="215">
        <v>0.33099999999999996</v>
      </c>
      <c r="AI37" s="94">
        <v>8.9800222557315443E-3</v>
      </c>
      <c r="AJ37" s="215">
        <v>9.6000000000000002E-2</v>
      </c>
      <c r="AK37" s="94">
        <v>5.6253164334750284E-3</v>
      </c>
    </row>
    <row r="38" spans="1:85">
      <c r="A38" s="49" t="s">
        <v>437</v>
      </c>
      <c r="B38" s="212">
        <v>8842</v>
      </c>
      <c r="C38" s="216">
        <v>0.158</v>
      </c>
      <c r="D38" s="97">
        <v>7.7591413800206155E-3</v>
      </c>
      <c r="E38" s="216">
        <v>0.16500000000000001</v>
      </c>
      <c r="F38" s="97">
        <v>7.8958993714297859E-3</v>
      </c>
      <c r="G38" s="216">
        <v>0.60299999999999998</v>
      </c>
      <c r="H38" s="97">
        <v>1.0404450260556355E-2</v>
      </c>
      <c r="I38" s="216">
        <v>7.4999999999999997E-2</v>
      </c>
      <c r="J38" s="97">
        <v>5.6074912643168575E-3</v>
      </c>
      <c r="K38" s="212">
        <v>8827</v>
      </c>
      <c r="L38" s="216">
        <v>0.10199999999999999</v>
      </c>
      <c r="M38" s="97">
        <v>6.4461908050648499E-3</v>
      </c>
      <c r="N38" s="216">
        <v>0.17100000000000001</v>
      </c>
      <c r="O38" s="97">
        <v>8.0158667611005298E-3</v>
      </c>
      <c r="P38" s="216">
        <v>0.68400000000000005</v>
      </c>
      <c r="Q38" s="97">
        <v>9.8952654435714073E-3</v>
      </c>
      <c r="R38" s="216">
        <v>4.2000000000000003E-2</v>
      </c>
      <c r="S38" s="97">
        <v>4.2791286444487106E-3</v>
      </c>
      <c r="T38" s="212">
        <v>8833</v>
      </c>
      <c r="U38" s="216">
        <v>0.29600000000000004</v>
      </c>
      <c r="V38" s="97">
        <v>9.7129018349856946E-3</v>
      </c>
      <c r="W38" s="216">
        <v>0.26300000000000001</v>
      </c>
      <c r="X38" s="97">
        <v>9.3679838122847064E-3</v>
      </c>
      <c r="Y38" s="216">
        <v>0.36299999999999999</v>
      </c>
      <c r="Z38" s="97">
        <v>1.0230963824209079E-2</v>
      </c>
      <c r="AA38" s="216">
        <v>7.6999999999999999E-2</v>
      </c>
      <c r="AB38" s="97">
        <v>5.6782958731589834E-3</v>
      </c>
      <c r="AC38" s="212">
        <v>8833</v>
      </c>
      <c r="AD38" s="216">
        <v>0.13900000000000001</v>
      </c>
      <c r="AE38" s="97">
        <v>7.3637739859551731E-3</v>
      </c>
      <c r="AF38" s="216">
        <v>0.42000000000000004</v>
      </c>
      <c r="AG38" s="97">
        <v>1.0500775498720836E-2</v>
      </c>
      <c r="AH38" s="216">
        <v>0.36299999999999999</v>
      </c>
      <c r="AI38" s="97">
        <v>1.0230963824209079E-2</v>
      </c>
      <c r="AJ38" s="216">
        <v>7.6999999999999999E-2</v>
      </c>
      <c r="AK38" s="97">
        <v>5.6782958731589834E-3</v>
      </c>
    </row>
    <row r="39" spans="1:85">
      <c r="A39" s="53" t="s">
        <v>438</v>
      </c>
      <c r="B39" s="211">
        <v>1984</v>
      </c>
      <c r="C39" s="215">
        <v>0.10879999999999999</v>
      </c>
      <c r="D39" s="94">
        <v>1.401190821998686E-2</v>
      </c>
      <c r="E39" s="215">
        <v>0.19539999999999999</v>
      </c>
      <c r="F39" s="94">
        <v>1.7806913698721335E-2</v>
      </c>
      <c r="G39" s="215">
        <v>0.57989999999999997</v>
      </c>
      <c r="H39" s="94">
        <v>2.2141017515266453E-2</v>
      </c>
      <c r="I39" s="215">
        <v>0.11600000000000001</v>
      </c>
      <c r="J39" s="94">
        <v>1.4405508904591561E-2</v>
      </c>
      <c r="K39" s="211">
        <v>1981</v>
      </c>
      <c r="L39" s="215">
        <v>7.3099999999999998E-2</v>
      </c>
      <c r="M39" s="94">
        <v>1.1747994782939288E-2</v>
      </c>
      <c r="N39" s="215">
        <v>0.16159999999999999</v>
      </c>
      <c r="O39" s="94">
        <v>1.6551362367851055E-2</v>
      </c>
      <c r="P39" s="215">
        <v>0.70489999999999997</v>
      </c>
      <c r="Q39" s="94">
        <v>2.048210004751546E-2</v>
      </c>
      <c r="R39" s="215">
        <v>6.0499999999999998E-2</v>
      </c>
      <c r="S39" s="94">
        <v>1.0775234711713703E-2</v>
      </c>
      <c r="T39" s="211">
        <v>1984</v>
      </c>
      <c r="U39" s="215">
        <v>0.31230000000000002</v>
      </c>
      <c r="V39" s="94">
        <v>2.0794594909042025E-2</v>
      </c>
      <c r="W39" s="215">
        <v>0.24210000000000001</v>
      </c>
      <c r="X39" s="94">
        <v>1.9228320845557947E-2</v>
      </c>
      <c r="Y39" s="215">
        <v>0.32650000000000001</v>
      </c>
      <c r="Z39" s="94">
        <v>2.1040287308778854E-2</v>
      </c>
      <c r="AA39" s="215">
        <v>0.1191</v>
      </c>
      <c r="AB39" s="94">
        <v>1.4569506269332963E-2</v>
      </c>
      <c r="AC39" s="211">
        <v>1984</v>
      </c>
      <c r="AD39" s="215">
        <v>0.1326</v>
      </c>
      <c r="AE39" s="94">
        <v>1.5248437840105598E-2</v>
      </c>
      <c r="AF39" s="215">
        <v>0.42180000000000001</v>
      </c>
      <c r="AG39" s="94">
        <v>2.2153177363820935E-2</v>
      </c>
      <c r="AH39" s="215">
        <v>0.32650000000000001</v>
      </c>
      <c r="AI39" s="94">
        <v>2.1040287308778854E-2</v>
      </c>
      <c r="AJ39" s="215">
        <v>0.1191</v>
      </c>
      <c r="AK39" s="94">
        <v>1.4569506269332963E-2</v>
      </c>
    </row>
    <row r="40" spans="1:85">
      <c r="A40" s="49" t="s">
        <v>439</v>
      </c>
      <c r="B40" s="212">
        <v>896</v>
      </c>
      <c r="C40" s="216">
        <v>0.14599999999999999</v>
      </c>
      <c r="D40" s="97">
        <v>2.364510234673672E-2</v>
      </c>
      <c r="E40" s="216">
        <v>0.185</v>
      </c>
      <c r="F40" s="97">
        <v>2.5961941375790831E-2</v>
      </c>
      <c r="G40" s="216">
        <v>0.54500000000000004</v>
      </c>
      <c r="H40" s="97">
        <v>3.319926103595279E-2</v>
      </c>
      <c r="I40" s="216">
        <v>0.124</v>
      </c>
      <c r="J40" s="97">
        <v>2.2098555301518382E-2</v>
      </c>
      <c r="K40" s="212">
        <v>898</v>
      </c>
      <c r="L40" s="216">
        <v>9.1999999999999998E-2</v>
      </c>
      <c r="M40" s="97">
        <v>1.9415988280041849E-2</v>
      </c>
      <c r="N40" s="216">
        <v>0.19</v>
      </c>
      <c r="O40" s="97">
        <v>2.6196463793515763E-2</v>
      </c>
      <c r="P40" s="216">
        <v>0.67400000000000004</v>
      </c>
      <c r="Q40" s="97">
        <v>3.1234179348663065E-2</v>
      </c>
      <c r="R40" s="216">
        <v>4.3999999999999997E-2</v>
      </c>
      <c r="S40" s="97">
        <v>1.3953380177793849E-2</v>
      </c>
      <c r="T40" s="212">
        <v>905</v>
      </c>
      <c r="U40" s="216">
        <v>0.29700000000000004</v>
      </c>
      <c r="V40" s="97">
        <v>3.0337513040414547E-2</v>
      </c>
      <c r="W40" s="216">
        <v>0.30399999999999999</v>
      </c>
      <c r="X40" s="97">
        <v>3.053763576176604E-2</v>
      </c>
      <c r="Y40" s="216">
        <v>0.3</v>
      </c>
      <c r="Z40" s="97">
        <v>3.042430131761421E-2</v>
      </c>
      <c r="AA40" s="216">
        <v>9.9000000000000005E-2</v>
      </c>
      <c r="AB40" s="97">
        <v>1.9968189949326805E-2</v>
      </c>
      <c r="AC40" s="212">
        <v>905</v>
      </c>
      <c r="AD40" s="216">
        <v>0.14000000000000001</v>
      </c>
      <c r="AE40" s="97">
        <v>2.3126198431910005E-2</v>
      </c>
      <c r="AF40" s="216">
        <v>0.46099999999999997</v>
      </c>
      <c r="AG40" s="97">
        <v>3.3067744358979481E-2</v>
      </c>
      <c r="AH40" s="216">
        <v>0.3</v>
      </c>
      <c r="AI40" s="97">
        <v>3.042430131761421E-2</v>
      </c>
      <c r="AJ40" s="216">
        <v>9.9000000000000005E-2</v>
      </c>
      <c r="AK40" s="97">
        <v>1.9968189949326805E-2</v>
      </c>
    </row>
    <row r="41" spans="1:85">
      <c r="A41" s="53" t="s">
        <v>440</v>
      </c>
      <c r="B41" s="211">
        <v>711</v>
      </c>
      <c r="C41" s="215">
        <v>0.154</v>
      </c>
      <c r="D41" s="94">
        <v>2.7135478072136652E-2</v>
      </c>
      <c r="E41" s="215">
        <v>0.188</v>
      </c>
      <c r="F41" s="94">
        <v>2.9327389239058834E-2</v>
      </c>
      <c r="G41" s="215">
        <v>0.53600000000000003</v>
      </c>
      <c r="H41" s="94">
        <v>3.7301902697147171E-2</v>
      </c>
      <c r="I41" s="215">
        <v>0.122</v>
      </c>
      <c r="J41" s="94">
        <v>2.4661085134720675E-2</v>
      </c>
      <c r="K41" s="211">
        <v>713</v>
      </c>
      <c r="L41" s="215">
        <v>8.5000000000000006E-2</v>
      </c>
      <c r="M41" s="94">
        <v>2.1085104525791109E-2</v>
      </c>
      <c r="N41" s="215">
        <v>0.16900000000000001</v>
      </c>
      <c r="O41" s="94">
        <v>2.8111952724936475E-2</v>
      </c>
      <c r="P41" s="215">
        <v>0.71499999999999997</v>
      </c>
      <c r="Q41" s="94">
        <v>3.3759285840716254E-2</v>
      </c>
      <c r="R41" s="215">
        <v>3.1E-2</v>
      </c>
      <c r="S41" s="94">
        <v>1.3462358546165811E-2</v>
      </c>
      <c r="T41" s="211">
        <v>720</v>
      </c>
      <c r="U41" s="215">
        <v>0.29099999999999998</v>
      </c>
      <c r="V41" s="94">
        <v>3.3801527447609954E-2</v>
      </c>
      <c r="W41" s="215">
        <v>0.29199999999999998</v>
      </c>
      <c r="X41" s="94">
        <v>3.3835214472793598E-2</v>
      </c>
      <c r="Y41" s="215">
        <v>0.36</v>
      </c>
      <c r="Z41" s="94">
        <v>3.5694837387156939E-2</v>
      </c>
      <c r="AA41" s="215">
        <v>5.8000000000000003E-2</v>
      </c>
      <c r="AB41" s="94">
        <v>1.7712990351531007E-2</v>
      </c>
      <c r="AC41" s="211">
        <v>720</v>
      </c>
      <c r="AD41" s="215">
        <v>0.15</v>
      </c>
      <c r="AE41" s="94">
        <v>2.6681035120994463E-2</v>
      </c>
      <c r="AF41" s="215">
        <v>0.43299999999999994</v>
      </c>
      <c r="AG41" s="94">
        <v>3.6833241141234326E-2</v>
      </c>
      <c r="AH41" s="215">
        <v>0.36</v>
      </c>
      <c r="AI41" s="94">
        <v>3.5694837387156939E-2</v>
      </c>
      <c r="AJ41" s="215">
        <v>5.8000000000000003E-2</v>
      </c>
      <c r="AK41" s="94">
        <v>1.7712990351531007E-2</v>
      </c>
    </row>
    <row r="42" spans="1:85">
      <c r="A42" s="49" t="s">
        <v>453</v>
      </c>
      <c r="B42" s="212">
        <v>135</v>
      </c>
      <c r="C42" s="216">
        <v>0.11700000000000001</v>
      </c>
      <c r="D42" s="97">
        <v>5.667833181649317E-2</v>
      </c>
      <c r="E42" s="216">
        <v>0.17100000000000001</v>
      </c>
      <c r="F42" s="97">
        <v>6.5238701031481675E-2</v>
      </c>
      <c r="G42" s="216">
        <v>0.67</v>
      </c>
      <c r="H42" s="97">
        <v>8.0061015732444674E-2</v>
      </c>
      <c r="I42" s="216">
        <v>4.2000000000000003E-2</v>
      </c>
      <c r="J42" s="97">
        <v>3.8733563084052819E-2</v>
      </c>
      <c r="K42" s="212">
        <v>135</v>
      </c>
      <c r="L42" s="216">
        <v>5.3999999999999999E-2</v>
      </c>
      <c r="M42" s="97">
        <v>4.2364528958248472E-2</v>
      </c>
      <c r="N42" s="216">
        <v>0.158</v>
      </c>
      <c r="O42" s="97">
        <v>6.3397996342702059E-2</v>
      </c>
      <c r="P42" s="216">
        <v>0.73499999999999999</v>
      </c>
      <c r="Q42" s="97">
        <v>7.546645062278666E-2</v>
      </c>
      <c r="R42" s="216">
        <v>5.2999999999999999E-2</v>
      </c>
      <c r="S42" s="97">
        <v>4.2077466699483174E-2</v>
      </c>
      <c r="T42" s="212">
        <v>136</v>
      </c>
      <c r="U42" s="216">
        <v>0.44100000000000006</v>
      </c>
      <c r="V42" s="97">
        <v>8.3958335356304856E-2</v>
      </c>
      <c r="W42" s="216">
        <v>0.18</v>
      </c>
      <c r="X42" s="97">
        <v>6.6196209804035039E-2</v>
      </c>
      <c r="Y42" s="216">
        <v>0.30599999999999999</v>
      </c>
      <c r="Z42" s="97">
        <v>7.8282255844954587E-2</v>
      </c>
      <c r="AA42" s="216">
        <v>7.2999999999999995E-2</v>
      </c>
      <c r="AB42" s="97">
        <v>4.7189877849265212E-2</v>
      </c>
      <c r="AC42" s="212">
        <v>136</v>
      </c>
      <c r="AD42" s="216">
        <v>0.17</v>
      </c>
      <c r="AE42" s="97">
        <v>6.4858958888537183E-2</v>
      </c>
      <c r="AF42" s="216">
        <v>0.45100000000000001</v>
      </c>
      <c r="AG42" s="97">
        <v>8.413157042904372E-2</v>
      </c>
      <c r="AH42" s="216">
        <v>0.30599999999999999</v>
      </c>
      <c r="AI42" s="97">
        <v>7.8282255844954587E-2</v>
      </c>
      <c r="AJ42" s="216">
        <v>7.2999999999999995E-2</v>
      </c>
      <c r="AK42" s="97">
        <v>4.7189877849265212E-2</v>
      </c>
    </row>
    <row r="43" spans="1:85">
      <c r="A43" s="53" t="s">
        <v>441</v>
      </c>
      <c r="B43" s="211">
        <v>78</v>
      </c>
      <c r="C43" s="215">
        <v>0.115</v>
      </c>
      <c r="D43" s="94">
        <v>7.5185386776682628E-2</v>
      </c>
      <c r="E43" s="215">
        <v>0.214</v>
      </c>
      <c r="F43" s="94">
        <v>9.2654475109460663E-2</v>
      </c>
      <c r="G43" s="215">
        <v>0.63200000000000001</v>
      </c>
      <c r="H43" s="94">
        <v>0.10689279822507523</v>
      </c>
      <c r="I43" s="215">
        <v>3.9E-2</v>
      </c>
      <c r="J43" s="94">
        <v>5.3056368887056379E-2</v>
      </c>
      <c r="K43" s="211">
        <v>78</v>
      </c>
      <c r="L43" s="215">
        <v>3.4000000000000002E-2</v>
      </c>
      <c r="M43" s="94">
        <v>5.1092083631927354E-2</v>
      </c>
      <c r="N43" s="215">
        <v>0.23200000000000001</v>
      </c>
      <c r="O43" s="94">
        <v>9.4999951660890078E-2</v>
      </c>
      <c r="P43" s="215">
        <v>0.63200000000000001</v>
      </c>
      <c r="Q43" s="94">
        <v>0.10689279822507523</v>
      </c>
      <c r="R43" s="215">
        <v>0.10199999999999999</v>
      </c>
      <c r="S43" s="94">
        <v>7.2135753038366959E-2</v>
      </c>
      <c r="T43" s="211">
        <v>79</v>
      </c>
      <c r="U43" s="215">
        <v>0.28400000000000003</v>
      </c>
      <c r="V43" s="94">
        <v>0.10005603328463031</v>
      </c>
      <c r="W43" s="215">
        <v>0.248</v>
      </c>
      <c r="X43" s="94">
        <v>9.6310085720263325E-2</v>
      </c>
      <c r="Y43" s="215">
        <v>0.375</v>
      </c>
      <c r="Z43" s="94">
        <v>0.10661149700860399</v>
      </c>
      <c r="AA43" s="215">
        <v>9.4E-2</v>
      </c>
      <c r="AB43" s="94">
        <v>6.9652828759795199E-2</v>
      </c>
      <c r="AC43" s="211">
        <v>79</v>
      </c>
      <c r="AD43" s="215">
        <v>8.8999999999999996E-2</v>
      </c>
      <c r="AE43" s="94">
        <v>6.8360566330166336E-2</v>
      </c>
      <c r="AF43" s="215">
        <v>0.443</v>
      </c>
      <c r="AG43" s="94">
        <v>0.10911618891599791</v>
      </c>
      <c r="AH43" s="215">
        <v>0.375</v>
      </c>
      <c r="AI43" s="94">
        <v>0.10661149700860399</v>
      </c>
      <c r="AJ43" s="215">
        <v>9.4E-2</v>
      </c>
      <c r="AK43" s="94">
        <v>6.9652828759795199E-2</v>
      </c>
    </row>
    <row r="44" spans="1:85">
      <c r="A44" s="49" t="s">
        <v>446</v>
      </c>
      <c r="B44" s="212">
        <v>165</v>
      </c>
      <c r="C44" s="216">
        <v>0.13300000000000001</v>
      </c>
      <c r="D44" s="97">
        <v>5.3650492262509161E-2</v>
      </c>
      <c r="E44" s="216">
        <v>0.157</v>
      </c>
      <c r="F44" s="97">
        <v>5.7121126556382039E-2</v>
      </c>
      <c r="G44" s="216">
        <v>0.55200000000000005</v>
      </c>
      <c r="H44" s="97">
        <v>7.6525508792990388E-2</v>
      </c>
      <c r="I44" s="216">
        <v>0.159</v>
      </c>
      <c r="J44" s="97">
        <v>5.7390654435579475E-2</v>
      </c>
      <c r="K44" s="212">
        <v>165</v>
      </c>
      <c r="L44" s="216">
        <v>0.122</v>
      </c>
      <c r="M44" s="97">
        <v>5.1898785289524949E-2</v>
      </c>
      <c r="N44" s="216">
        <v>0.26400000000000001</v>
      </c>
      <c r="O44" s="97">
        <v>6.8268404483493805E-2</v>
      </c>
      <c r="P44" s="216">
        <v>0.53700000000000003</v>
      </c>
      <c r="Q44" s="97">
        <v>7.6722050835143496E-2</v>
      </c>
      <c r="R44" s="216">
        <v>7.6999999999999999E-2</v>
      </c>
      <c r="S44" s="97">
        <v>4.3361907589176206E-2</v>
      </c>
      <c r="T44" s="212">
        <v>165</v>
      </c>
      <c r="U44" s="216">
        <v>0.20700000000000002</v>
      </c>
      <c r="V44" s="97">
        <v>6.3089448098725076E-2</v>
      </c>
      <c r="W44" s="216">
        <v>0.376</v>
      </c>
      <c r="X44" s="97">
        <v>7.4634136308955545E-2</v>
      </c>
      <c r="Y44" s="216">
        <v>0.20799999999999999</v>
      </c>
      <c r="Z44" s="97">
        <v>6.3193962786724331E-2</v>
      </c>
      <c r="AA44" s="216">
        <v>0.20899999999999999</v>
      </c>
      <c r="AB44" s="97">
        <v>6.3297948473859014E-2</v>
      </c>
      <c r="AC44" s="212">
        <v>165</v>
      </c>
      <c r="AD44" s="216">
        <v>7.9000000000000001E-2</v>
      </c>
      <c r="AE44" s="97">
        <v>4.3798845005869953E-2</v>
      </c>
      <c r="AF44" s="216">
        <v>0.504</v>
      </c>
      <c r="AG44" s="97">
        <v>7.6920730492393952E-2</v>
      </c>
      <c r="AH44" s="216">
        <v>0.20799999999999999</v>
      </c>
      <c r="AI44" s="97">
        <v>6.3193962786724331E-2</v>
      </c>
      <c r="AJ44" s="216">
        <v>0.20899999999999999</v>
      </c>
      <c r="AK44" s="97">
        <v>6.3297948473859014E-2</v>
      </c>
    </row>
    <row r="45" spans="1:85">
      <c r="A45" s="53" t="s">
        <v>447</v>
      </c>
      <c r="B45" s="211">
        <v>112</v>
      </c>
      <c r="C45" s="215">
        <v>6.8000000000000005E-2</v>
      </c>
      <c r="D45" s="94">
        <v>5.1200994547312986E-2</v>
      </c>
      <c r="E45" s="215">
        <v>0.20100000000000001</v>
      </c>
      <c r="F45" s="94">
        <v>7.5807897640711427E-2</v>
      </c>
      <c r="G45" s="215">
        <v>0.57099999999999995</v>
      </c>
      <c r="H45" s="94">
        <v>9.1970883907994641E-2</v>
      </c>
      <c r="I45" s="215">
        <v>0.159</v>
      </c>
      <c r="J45" s="94">
        <v>6.9876766932152778E-2</v>
      </c>
      <c r="K45" s="211">
        <v>111</v>
      </c>
      <c r="L45" s="215">
        <v>6.2E-2</v>
      </c>
      <c r="M45" s="94">
        <v>4.9788970653657012E-2</v>
      </c>
      <c r="N45" s="215">
        <v>0.128</v>
      </c>
      <c r="O45" s="94">
        <v>6.4894641554652119E-2</v>
      </c>
      <c r="P45" s="215">
        <v>0.79100000000000004</v>
      </c>
      <c r="Q45" s="94">
        <v>7.7146366269271835E-2</v>
      </c>
      <c r="R45" s="215">
        <v>1.9E-2</v>
      </c>
      <c r="S45" s="94">
        <v>3.461779929852847E-2</v>
      </c>
      <c r="T45" s="211">
        <v>113</v>
      </c>
      <c r="U45" s="215">
        <v>0.309</v>
      </c>
      <c r="V45" s="94">
        <v>8.592797372768439E-2</v>
      </c>
      <c r="W45" s="215">
        <v>0.32600000000000001</v>
      </c>
      <c r="X45" s="94">
        <v>8.707178816383962E-2</v>
      </c>
      <c r="Y45" s="215">
        <v>0.28200000000000003</v>
      </c>
      <c r="Z45" s="94">
        <v>8.3853750828024431E-2</v>
      </c>
      <c r="AA45" s="215">
        <v>8.4000000000000005E-2</v>
      </c>
      <c r="AB45" s="94">
        <v>5.5029010929651893E-2</v>
      </c>
      <c r="AC45" s="211">
        <v>113</v>
      </c>
      <c r="AD45" s="215">
        <v>0.214</v>
      </c>
      <c r="AE45" s="94">
        <v>7.7061698879593479E-2</v>
      </c>
      <c r="AF45" s="215">
        <v>0.42100000000000004</v>
      </c>
      <c r="AG45" s="94">
        <v>9.136728555279594E-2</v>
      </c>
      <c r="AH45" s="215">
        <v>0.28200000000000003</v>
      </c>
      <c r="AI45" s="94">
        <v>8.3853750828024431E-2</v>
      </c>
      <c r="AJ45" s="215">
        <v>8.4000000000000005E-2</v>
      </c>
      <c r="AK45" s="94">
        <v>5.5029010929651893E-2</v>
      </c>
    </row>
    <row r="46" spans="1:85">
      <c r="A46" s="49" t="s">
        <v>442</v>
      </c>
      <c r="B46" s="212">
        <v>78</v>
      </c>
      <c r="C46" s="216">
        <v>8.1000000000000003E-2</v>
      </c>
      <c r="D46" s="97">
        <v>6.6680581413255002E-2</v>
      </c>
      <c r="E46" s="216">
        <v>0.16900000000000001</v>
      </c>
      <c r="F46" s="97">
        <v>8.5786795762099424E-2</v>
      </c>
      <c r="G46" s="216">
        <v>0.67800000000000005</v>
      </c>
      <c r="H46" s="97">
        <v>0.1039070242778979</v>
      </c>
      <c r="I46" s="216">
        <v>7.1999999999999995E-2</v>
      </c>
      <c r="J46" s="97">
        <v>6.410803261386476E-2</v>
      </c>
      <c r="K46" s="212">
        <v>77</v>
      </c>
      <c r="L46" s="216">
        <v>7.2999999999999995E-2</v>
      </c>
      <c r="M46" s="97">
        <v>6.4877535297117775E-2</v>
      </c>
      <c r="N46" s="216">
        <v>0.184</v>
      </c>
      <c r="O46" s="97">
        <v>8.882297747689738E-2</v>
      </c>
      <c r="P46" s="216">
        <v>0.72799999999999998</v>
      </c>
      <c r="Q46" s="97">
        <v>0.10012916381888637</v>
      </c>
      <c r="R46" s="216">
        <v>1.4999999999999999E-2</v>
      </c>
      <c r="S46" s="97">
        <v>4.2994956176851416E-2</v>
      </c>
      <c r="T46" s="212">
        <v>79</v>
      </c>
      <c r="U46" s="216">
        <v>0.315</v>
      </c>
      <c r="V46" s="97">
        <v>0.10273238274560309</v>
      </c>
      <c r="W46" s="216">
        <v>0.224</v>
      </c>
      <c r="X46" s="97">
        <v>9.3393672036248238E-2</v>
      </c>
      <c r="Y46" s="216">
        <v>0.36099999999999999</v>
      </c>
      <c r="Z46" s="97">
        <v>0.10585199742658823</v>
      </c>
      <c r="AA46" s="216">
        <v>0.1</v>
      </c>
      <c r="AB46" s="97">
        <v>7.1152332709449803E-2</v>
      </c>
      <c r="AC46" s="212">
        <v>79</v>
      </c>
      <c r="AD46" s="216">
        <v>0.193</v>
      </c>
      <c r="AE46" s="97">
        <v>8.9069174035874429E-2</v>
      </c>
      <c r="AF46" s="216">
        <v>0.34599999999999997</v>
      </c>
      <c r="AG46" s="97">
        <v>0.10494170454800633</v>
      </c>
      <c r="AH46" s="216">
        <v>0.36099999999999999</v>
      </c>
      <c r="AI46" s="97">
        <v>0.10585199742658823</v>
      </c>
      <c r="AJ46" s="216">
        <v>0.1</v>
      </c>
      <c r="AK46" s="97">
        <v>7.1152332709449803E-2</v>
      </c>
    </row>
    <row r="47" spans="1:85">
      <c r="A47" s="45" t="s">
        <v>448</v>
      </c>
      <c r="B47" s="211">
        <v>285</v>
      </c>
      <c r="C47" s="215">
        <v>0.215</v>
      </c>
      <c r="D47" s="94">
        <v>4.8650705140826818E-2</v>
      </c>
      <c r="E47" s="215">
        <v>0.16700000000000001</v>
      </c>
      <c r="F47" s="94">
        <v>4.4357676271878824E-2</v>
      </c>
      <c r="G47" s="215">
        <v>0.59599999999999997</v>
      </c>
      <c r="H47" s="94">
        <v>5.7759476065010119E-2</v>
      </c>
      <c r="I47" s="215">
        <v>2.1999999999999999E-2</v>
      </c>
      <c r="J47" s="94">
        <v>1.9614642596227139E-2</v>
      </c>
      <c r="K47" s="211">
        <v>288</v>
      </c>
      <c r="L47" s="215">
        <v>9.7000000000000003E-2</v>
      </c>
      <c r="M47" s="94">
        <v>3.5502283390624653E-2</v>
      </c>
      <c r="N47" s="215">
        <v>0.187</v>
      </c>
      <c r="O47" s="94">
        <v>4.6034040125056769E-2</v>
      </c>
      <c r="P47" s="215">
        <v>0.70199999999999996</v>
      </c>
      <c r="Q47" s="94">
        <v>5.3674087627994867E-2</v>
      </c>
      <c r="R47" s="215">
        <v>1.4999999999999999E-2</v>
      </c>
      <c r="S47" s="94">
        <v>1.7031550093245341E-2</v>
      </c>
      <c r="T47" s="211">
        <v>291</v>
      </c>
      <c r="U47" s="215">
        <v>0.31999999999999995</v>
      </c>
      <c r="V47" s="94">
        <v>5.4427396785057931E-2</v>
      </c>
      <c r="W47" s="215">
        <v>0.34399999999999997</v>
      </c>
      <c r="X47" s="94">
        <v>5.5396198244583167E-2</v>
      </c>
      <c r="Y47" s="215">
        <v>0.30399999999999999</v>
      </c>
      <c r="Z47" s="94">
        <v>5.3693256446016739E-2</v>
      </c>
      <c r="AA47" s="215">
        <v>3.1E-2</v>
      </c>
      <c r="AB47" s="94">
        <v>2.2082619314996613E-2</v>
      </c>
      <c r="AC47" s="211">
        <v>291</v>
      </c>
      <c r="AD47" s="215">
        <v>0.14299999999999999</v>
      </c>
      <c r="AE47" s="94">
        <v>4.1331042530680047E-2</v>
      </c>
      <c r="AF47" s="215">
        <v>0.52099999999999991</v>
      </c>
      <c r="AG47" s="94">
        <v>5.8172260643407483E-2</v>
      </c>
      <c r="AH47" s="215">
        <v>0.30399999999999999</v>
      </c>
      <c r="AI47" s="94">
        <v>5.3693256446016739E-2</v>
      </c>
      <c r="AJ47" s="215">
        <v>3.1E-2</v>
      </c>
      <c r="AK47" s="94">
        <v>2.2082619314996613E-2</v>
      </c>
    </row>
    <row r="48" spans="1:85" ht="25.5">
      <c r="A48" s="49" t="s">
        <v>443</v>
      </c>
      <c r="B48" s="212">
        <v>126</v>
      </c>
      <c r="C48" s="216">
        <v>0.13100000000000001</v>
      </c>
      <c r="D48" s="97">
        <v>6.1291040539645007E-2</v>
      </c>
      <c r="E48" s="216">
        <v>0.16</v>
      </c>
      <c r="F48" s="97">
        <v>6.5961387858437276E-2</v>
      </c>
      <c r="G48" s="216">
        <v>0.68700000000000006</v>
      </c>
      <c r="H48" s="97">
        <v>8.1740646459203523E-2</v>
      </c>
      <c r="I48" s="216">
        <v>2.1000000000000001E-2</v>
      </c>
      <c r="J48" s="97">
        <v>3.2562944445075771E-2</v>
      </c>
      <c r="K48" s="212">
        <v>124</v>
      </c>
      <c r="L48" s="216">
        <v>6.9000000000000006E-2</v>
      </c>
      <c r="M48" s="97">
        <v>4.8627299198031985E-2</v>
      </c>
      <c r="N48" s="216">
        <v>0.188</v>
      </c>
      <c r="O48" s="97">
        <v>7.0410612104106859E-2</v>
      </c>
      <c r="P48" s="216">
        <v>0.74299999999999999</v>
      </c>
      <c r="Q48" s="97">
        <v>7.7979143337525175E-2</v>
      </c>
      <c r="R48" s="216">
        <v>0</v>
      </c>
      <c r="S48" s="97">
        <v>2.1923773750628563E-2</v>
      </c>
      <c r="T48" s="212">
        <v>126</v>
      </c>
      <c r="U48" s="216">
        <v>0.35899999999999999</v>
      </c>
      <c r="V48" s="97">
        <v>8.4366166004611734E-2</v>
      </c>
      <c r="W48" s="216">
        <v>0.38100000000000001</v>
      </c>
      <c r="X48" s="97">
        <v>8.5340411437406796E-2</v>
      </c>
      <c r="Y48" s="216">
        <v>0.221</v>
      </c>
      <c r="Z48" s="97">
        <v>7.3772106415806199E-2</v>
      </c>
      <c r="AA48" s="216">
        <v>3.9E-2</v>
      </c>
      <c r="AB48" s="97">
        <v>3.9362618764901193E-2</v>
      </c>
      <c r="AC48" s="212">
        <v>126</v>
      </c>
      <c r="AD48" s="216">
        <v>0.14000000000000001</v>
      </c>
      <c r="AE48" s="97">
        <v>6.2819077550725619E-2</v>
      </c>
      <c r="AF48" s="216">
        <v>0.6</v>
      </c>
      <c r="AG48" s="97">
        <v>8.6042193077182652E-2</v>
      </c>
      <c r="AH48" s="216">
        <v>0.221</v>
      </c>
      <c r="AI48" s="97">
        <v>7.3772106415806199E-2</v>
      </c>
      <c r="AJ48" s="216">
        <v>3.9E-2</v>
      </c>
      <c r="AK48" s="97">
        <v>3.9362618764901193E-2</v>
      </c>
    </row>
    <row r="49" spans="1:37" ht="25.5">
      <c r="A49" s="53" t="s">
        <v>444</v>
      </c>
      <c r="B49" s="211">
        <v>76</v>
      </c>
      <c r="C49" s="215">
        <v>0.29099999999999998</v>
      </c>
      <c r="D49" s="94">
        <v>0.10261040334683419</v>
      </c>
      <c r="E49" s="215">
        <v>0.14699999999999999</v>
      </c>
      <c r="F49" s="94">
        <v>8.2927793139574144E-2</v>
      </c>
      <c r="G49" s="215">
        <v>0.53800000000000003</v>
      </c>
      <c r="H49" s="94">
        <v>0.11151161150301793</v>
      </c>
      <c r="I49" s="215">
        <v>2.3E-2</v>
      </c>
      <c r="J49" s="94">
        <v>4.7252025088878463E-2</v>
      </c>
      <c r="K49" s="211">
        <v>81</v>
      </c>
      <c r="L49" s="215">
        <v>0.184</v>
      </c>
      <c r="M49" s="94">
        <v>8.6587888670887375E-2</v>
      </c>
      <c r="N49" s="215">
        <v>0.22600000000000001</v>
      </c>
      <c r="O49" s="94">
        <v>9.2500866310904692E-2</v>
      </c>
      <c r="P49" s="215">
        <v>0.56799999999999995</v>
      </c>
      <c r="Q49" s="94">
        <v>0.10755047187251203</v>
      </c>
      <c r="R49" s="215">
        <v>2.1999999999999999E-2</v>
      </c>
      <c r="S49" s="94">
        <v>4.4728930573014788E-2</v>
      </c>
      <c r="T49" s="211">
        <v>81</v>
      </c>
      <c r="U49" s="215">
        <v>0.24399999999999999</v>
      </c>
      <c r="V49" s="94">
        <v>9.4678890744104585E-2</v>
      </c>
      <c r="W49" s="215">
        <v>0.26600000000000001</v>
      </c>
      <c r="X49" s="94">
        <v>9.7081226614421784E-2</v>
      </c>
      <c r="Y49" s="215">
        <v>0.47599999999999998</v>
      </c>
      <c r="Z49" s="94">
        <v>0.10835170102495401</v>
      </c>
      <c r="AA49" s="215">
        <v>1.2999999999999999E-2</v>
      </c>
      <c r="AB49" s="94">
        <v>4.036747070634171E-2</v>
      </c>
      <c r="AC49" s="211">
        <v>81</v>
      </c>
      <c r="AD49" s="215">
        <v>0.13400000000000001</v>
      </c>
      <c r="AE49" s="94">
        <v>7.7718942672113336E-2</v>
      </c>
      <c r="AF49" s="215">
        <v>0.376</v>
      </c>
      <c r="AG49" s="94">
        <v>0.10539273382337179</v>
      </c>
      <c r="AH49" s="215">
        <v>0.47599999999999998</v>
      </c>
      <c r="AI49" s="94">
        <v>0.10835170102495401</v>
      </c>
      <c r="AJ49" s="215">
        <v>1.2999999999999999E-2</v>
      </c>
      <c r="AK49" s="94">
        <v>4.036747070634171E-2</v>
      </c>
    </row>
    <row r="50" spans="1:37">
      <c r="A50" s="49" t="s">
        <v>445</v>
      </c>
      <c r="B50" s="212">
        <v>83</v>
      </c>
      <c r="C50" s="216">
        <v>0.27600000000000002</v>
      </c>
      <c r="D50" s="97">
        <v>9.6925571334859892E-2</v>
      </c>
      <c r="E50" s="216">
        <v>0.19</v>
      </c>
      <c r="F50" s="97">
        <v>8.6445421544167358E-2</v>
      </c>
      <c r="G50" s="216">
        <v>0.51300000000000001</v>
      </c>
      <c r="H50" s="97">
        <v>0.10717826657869943</v>
      </c>
      <c r="I50" s="216">
        <v>2.1999999999999999E-2</v>
      </c>
      <c r="J50" s="97">
        <v>4.3966044345261808E-2</v>
      </c>
      <c r="K50" s="212">
        <v>83</v>
      </c>
      <c r="L50" s="216">
        <v>6.9000000000000006E-2</v>
      </c>
      <c r="M50" s="97">
        <v>6.0998509031726988E-2</v>
      </c>
      <c r="N50" s="216">
        <v>0.155</v>
      </c>
      <c r="O50" s="97">
        <v>8.0706142811782705E-2</v>
      </c>
      <c r="P50" s="216">
        <v>0.747</v>
      </c>
      <c r="Q50" s="97">
        <v>9.4558151406263183E-2</v>
      </c>
      <c r="R50" s="216">
        <v>2.9000000000000001E-2</v>
      </c>
      <c r="S50" s="97">
        <v>4.7021260010164975E-2</v>
      </c>
      <c r="T50" s="212">
        <v>84</v>
      </c>
      <c r="U50" s="216">
        <v>0.32400000000000001</v>
      </c>
      <c r="V50" s="97">
        <v>0.10040282502363802</v>
      </c>
      <c r="W50" s="216">
        <v>0.35099999999999998</v>
      </c>
      <c r="X50" s="97">
        <v>0.10219664709242977</v>
      </c>
      <c r="Y50" s="216">
        <v>0.28999999999999998</v>
      </c>
      <c r="Z50" s="97">
        <v>9.7658490113300522E-2</v>
      </c>
      <c r="AA50" s="216">
        <v>3.5000000000000003E-2</v>
      </c>
      <c r="AB50" s="97">
        <v>4.9075578222893566E-2</v>
      </c>
      <c r="AC50" s="212">
        <v>84</v>
      </c>
      <c r="AD50" s="216">
        <v>0.154</v>
      </c>
      <c r="AE50" s="97">
        <v>8.003406252676383E-2</v>
      </c>
      <c r="AF50" s="216">
        <v>0.52100000000000002</v>
      </c>
      <c r="AG50" s="97">
        <v>0.10651465536212421</v>
      </c>
      <c r="AH50" s="216">
        <v>0.28999999999999998</v>
      </c>
      <c r="AI50" s="97">
        <v>9.7658490113300522E-2</v>
      </c>
      <c r="AJ50" s="216">
        <v>3.5000000000000003E-2</v>
      </c>
      <c r="AK50" s="97">
        <v>4.9075578222893566E-2</v>
      </c>
    </row>
    <row r="51" spans="1:37">
      <c r="A51" s="57" t="s">
        <v>449</v>
      </c>
      <c r="B51" s="211">
        <v>106</v>
      </c>
      <c r="C51" s="215">
        <v>0.21299999999999999</v>
      </c>
      <c r="D51" s="94">
        <v>7.943265988274649E-2</v>
      </c>
      <c r="E51" s="215">
        <v>0.221</v>
      </c>
      <c r="F51" s="94">
        <v>8.0389332939690167E-2</v>
      </c>
      <c r="G51" s="215">
        <v>0.29499999999999998</v>
      </c>
      <c r="H51" s="94">
        <v>8.7589080554065279E-2</v>
      </c>
      <c r="I51" s="215">
        <v>0.27</v>
      </c>
      <c r="J51" s="94">
        <v>8.5467127612486635E-2</v>
      </c>
      <c r="K51" s="211">
        <v>108</v>
      </c>
      <c r="L51" s="215">
        <v>0.13500000000000001</v>
      </c>
      <c r="M51" s="94">
        <v>6.7114279293294277E-2</v>
      </c>
      <c r="N51" s="215">
        <v>0.17899999999999999</v>
      </c>
      <c r="O51" s="94">
        <v>7.4207152519540243E-2</v>
      </c>
      <c r="P51" s="215">
        <v>0.64500000000000002</v>
      </c>
      <c r="Q51" s="94">
        <v>9.0721309536452063E-2</v>
      </c>
      <c r="R51" s="215">
        <v>4.1000000000000002E-2</v>
      </c>
      <c r="S51" s="94">
        <v>4.3955707045289491E-2</v>
      </c>
      <c r="T51" s="211">
        <v>107</v>
      </c>
      <c r="U51" s="215">
        <v>0.249</v>
      </c>
      <c r="V51" s="94">
        <v>8.3062507619207096E-2</v>
      </c>
      <c r="W51" s="215">
        <v>0.28199999999999997</v>
      </c>
      <c r="X51" s="94">
        <v>8.6125707137760465E-2</v>
      </c>
      <c r="Y51" s="215">
        <v>0.435</v>
      </c>
      <c r="Z51" s="94">
        <v>9.4167574981544003E-2</v>
      </c>
      <c r="AA51" s="215">
        <v>3.4000000000000002E-2</v>
      </c>
      <c r="AB51" s="94">
        <v>4.1682145590320276E-2</v>
      </c>
      <c r="AC51" s="211">
        <v>107</v>
      </c>
      <c r="AD51" s="215">
        <v>0.155</v>
      </c>
      <c r="AE51" s="94">
        <v>7.0875811450223397E-2</v>
      </c>
      <c r="AF51" s="215">
        <v>0.376</v>
      </c>
      <c r="AG51" s="94">
        <v>9.2163625149572229E-2</v>
      </c>
      <c r="AH51" s="215">
        <v>0.435</v>
      </c>
      <c r="AI51" s="94">
        <v>9.4167574981544003E-2</v>
      </c>
      <c r="AJ51" s="215">
        <v>3.4000000000000002E-2</v>
      </c>
      <c r="AK51" s="94">
        <v>4.1682145590320276E-2</v>
      </c>
    </row>
    <row r="52" spans="1:37">
      <c r="A52" s="49" t="s">
        <v>454</v>
      </c>
      <c r="B52" s="212">
        <v>84</v>
      </c>
      <c r="C52" s="216">
        <v>7.1999999999999995E-2</v>
      </c>
      <c r="D52" s="97">
        <v>6.1456049177162492E-2</v>
      </c>
      <c r="E52" s="216">
        <v>0.30399999999999999</v>
      </c>
      <c r="F52" s="97">
        <v>9.8856413719260058E-2</v>
      </c>
      <c r="G52" s="216">
        <v>0.36099999999999999</v>
      </c>
      <c r="H52" s="97">
        <v>0.10277856495751325</v>
      </c>
      <c r="I52" s="216">
        <v>0.26400000000000001</v>
      </c>
      <c r="J52" s="97">
        <v>9.5167841767514638E-2</v>
      </c>
      <c r="K52" s="212">
        <v>82</v>
      </c>
      <c r="L52" s="216">
        <v>6.2E-2</v>
      </c>
      <c r="M52" s="97">
        <v>5.9293095921172732E-2</v>
      </c>
      <c r="N52" s="216">
        <v>0.153</v>
      </c>
      <c r="O52" s="97">
        <v>8.0847646734255374E-2</v>
      </c>
      <c r="P52" s="216">
        <v>0.71899999999999997</v>
      </c>
      <c r="Q52" s="97">
        <v>9.7978814233167205E-2</v>
      </c>
      <c r="R52" s="216">
        <v>6.7000000000000004E-2</v>
      </c>
      <c r="S52" s="97">
        <v>6.0826186352846007E-2</v>
      </c>
      <c r="T52" s="212">
        <v>84</v>
      </c>
      <c r="U52" s="216">
        <v>0.251</v>
      </c>
      <c r="V52" s="97">
        <v>9.3785866667779938E-2</v>
      </c>
      <c r="W52" s="216">
        <v>0.17499999999999999</v>
      </c>
      <c r="X52" s="97">
        <v>8.3600521762236063E-2</v>
      </c>
      <c r="Y52" s="216">
        <v>0.45299999999999996</v>
      </c>
      <c r="Z52" s="97">
        <v>0.10617037211530073</v>
      </c>
      <c r="AA52" s="216">
        <v>0.121</v>
      </c>
      <c r="AB52" s="97">
        <v>7.3583747526713608E-2</v>
      </c>
      <c r="AC52" s="212">
        <v>84</v>
      </c>
      <c r="AD52" s="216">
        <v>8.8999999999999996E-2</v>
      </c>
      <c r="AE52" s="97">
        <v>6.6087560449230753E-2</v>
      </c>
      <c r="AF52" s="216">
        <v>0.33699999999999997</v>
      </c>
      <c r="AG52" s="97">
        <v>0.10130769265601082</v>
      </c>
      <c r="AH52" s="216">
        <v>0.45299999999999996</v>
      </c>
      <c r="AI52" s="97">
        <v>0.10617037211530073</v>
      </c>
      <c r="AJ52" s="216">
        <v>0.121</v>
      </c>
      <c r="AK52" s="97">
        <v>7.3583747526713608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4" t="s">
        <v>474</v>
      </c>
      <c r="F1" s="306"/>
      <c r="G1" s="306"/>
      <c r="H1" s="306"/>
      <c r="I1" s="306"/>
      <c r="J1" s="306"/>
      <c r="K1" s="306"/>
      <c r="L1" s="306"/>
      <c r="M1" s="306"/>
      <c r="N1" s="306"/>
    </row>
    <row r="2" spans="1:14" ht="21">
      <c r="A2" s="223"/>
      <c r="B2" s="13"/>
      <c r="C2" s="13"/>
      <c r="D2" s="13"/>
      <c r="E2" s="13"/>
      <c r="F2" s="307"/>
      <c r="G2" s="307"/>
      <c r="H2" s="307"/>
      <c r="I2" s="307"/>
      <c r="J2" s="307"/>
      <c r="K2" s="307"/>
      <c r="L2" s="307"/>
      <c r="M2" s="307"/>
      <c r="N2" s="307"/>
    </row>
    <row r="3" spans="1:14" s="12" customFormat="1" ht="21">
      <c r="A3" s="235" t="s">
        <v>172</v>
      </c>
      <c r="B3" s="11"/>
      <c r="C3" s="11"/>
      <c r="D3" s="11"/>
      <c r="E3" s="11"/>
      <c r="F3" s="20"/>
      <c r="G3" s="20"/>
      <c r="H3" s="20"/>
      <c r="I3" s="20"/>
      <c r="J3" s="20"/>
      <c r="K3" s="20"/>
      <c r="L3" s="20"/>
      <c r="M3" s="20"/>
      <c r="N3" s="20"/>
    </row>
    <row r="4" spans="1:14" s="12" customFormat="1" ht="31.5">
      <c r="A4" s="236" t="s">
        <v>467</v>
      </c>
      <c r="B4" s="11"/>
      <c r="C4" s="11"/>
      <c r="D4" s="11"/>
      <c r="E4" s="11"/>
      <c r="F4" s="20"/>
      <c r="G4" s="20"/>
      <c r="H4" s="20"/>
      <c r="I4" s="20"/>
      <c r="J4" s="20"/>
      <c r="K4" s="20"/>
      <c r="L4" s="20"/>
      <c r="M4" s="20"/>
      <c r="N4" s="20"/>
    </row>
    <row r="5" spans="1:14" ht="18.75" customHeight="1">
      <c r="A5" s="223"/>
      <c r="B5" s="13"/>
      <c r="C5" s="13"/>
      <c r="D5" s="13"/>
      <c r="E5" s="13"/>
      <c r="F5" s="20"/>
      <c r="G5" s="20"/>
      <c r="H5" s="20"/>
      <c r="I5" s="20"/>
      <c r="J5" s="20"/>
      <c r="K5" s="20"/>
      <c r="L5" s="20"/>
      <c r="M5" s="20"/>
      <c r="N5" s="20"/>
    </row>
    <row r="6" spans="1:14">
      <c r="A6" s="237" t="s">
        <v>173</v>
      </c>
      <c r="B6" s="13"/>
      <c r="C6" s="13"/>
      <c r="D6" s="13"/>
      <c r="E6" s="13"/>
    </row>
    <row r="7" spans="1:14" ht="51" customHeight="1">
      <c r="A7" s="238" t="s">
        <v>246</v>
      </c>
      <c r="B7" s="13"/>
      <c r="C7" s="13"/>
      <c r="D7" s="13"/>
      <c r="E7" s="13"/>
      <c r="F7" s="13"/>
      <c r="G7" s="13"/>
    </row>
    <row r="8" spans="1:14">
      <c r="A8" s="217"/>
      <c r="B8" s="13"/>
      <c r="C8" s="13"/>
      <c r="D8" s="13"/>
      <c r="E8" s="13"/>
      <c r="F8" s="13"/>
      <c r="G8" s="13"/>
    </row>
    <row r="9" spans="1:14">
      <c r="A9" s="235" t="s">
        <v>174</v>
      </c>
      <c r="B9" s="13"/>
      <c r="C9" s="13"/>
      <c r="D9" s="13"/>
      <c r="E9" s="13"/>
      <c r="F9" s="13"/>
      <c r="G9" s="13"/>
    </row>
    <row r="10" spans="1:14" ht="30">
      <c r="A10" s="236" t="s">
        <v>473</v>
      </c>
      <c r="B10" s="13"/>
      <c r="C10" s="13"/>
      <c r="D10" s="13"/>
      <c r="E10" s="13"/>
      <c r="F10" s="13"/>
      <c r="G10" s="13"/>
    </row>
    <row r="11" spans="1:14">
      <c r="A11" s="223"/>
      <c r="B11" s="14"/>
      <c r="C11" s="14"/>
      <c r="D11" s="14"/>
      <c r="E11" s="14"/>
    </row>
    <row r="12" spans="1:14">
      <c r="A12" s="235" t="s">
        <v>175</v>
      </c>
    </row>
    <row r="13" spans="1:14" ht="135">
      <c r="A13" s="236" t="s">
        <v>468</v>
      </c>
    </row>
    <row r="14" spans="1:14">
      <c r="A14" s="217"/>
    </row>
    <row r="15" spans="1:14">
      <c r="A15" s="237" t="s">
        <v>2</v>
      </c>
    </row>
    <row r="16" spans="1:14" ht="45">
      <c r="A16" s="238"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50"/>
  <sheetViews>
    <sheetView workbookViewId="0"/>
  </sheetViews>
  <sheetFormatPr defaultColWidth="8.85546875" defaultRowHeight="15"/>
  <cols>
    <col min="1" max="1" width="128.28515625" style="305" customWidth="1"/>
    <col min="2" max="7" width="8.85546875" style="2"/>
    <col min="8" max="8" width="19.42578125" style="2" customWidth="1"/>
    <col min="9" max="10" width="8.85546875" style="2"/>
    <col min="11" max="11" width="9.140625" style="2" customWidth="1"/>
    <col min="12" max="16384" width="8.85546875" style="2"/>
  </cols>
  <sheetData>
    <row r="1" spans="1:14" ht="23.25">
      <c r="A1" s="234" t="s">
        <v>452</v>
      </c>
      <c r="B1" s="9"/>
      <c r="C1" s="9"/>
      <c r="D1" s="9"/>
      <c r="E1" s="9"/>
      <c r="F1" s="9"/>
      <c r="G1" s="9"/>
      <c r="N1" s="8"/>
    </row>
    <row r="2" spans="1:14" ht="90">
      <c r="A2" s="300" t="s">
        <v>469</v>
      </c>
      <c r="B2" s="6"/>
      <c r="C2" s="6"/>
      <c r="D2" s="6"/>
    </row>
    <row r="3" spans="1:14" s="17" customFormat="1">
      <c r="A3" s="236"/>
      <c r="B3" s="13"/>
      <c r="C3" s="13"/>
      <c r="D3" s="13"/>
    </row>
    <row r="4" spans="1:14" s="18" customFormat="1">
      <c r="A4" s="235" t="s">
        <v>436</v>
      </c>
      <c r="B4" s="13"/>
      <c r="C4" s="13"/>
      <c r="D4" s="13"/>
    </row>
    <row r="5" spans="1:14" s="18" customFormat="1" ht="30">
      <c r="A5" s="236" t="s">
        <v>450</v>
      </c>
      <c r="B5" s="13"/>
      <c r="C5" s="13"/>
      <c r="D5" s="13"/>
    </row>
    <row r="6" spans="1:14" s="18" customFormat="1">
      <c r="A6" s="236"/>
      <c r="B6" s="13"/>
      <c r="C6" s="13"/>
      <c r="D6" s="13"/>
    </row>
    <row r="7" spans="1:14">
      <c r="A7" s="301" t="s">
        <v>437</v>
      </c>
    </row>
    <row r="8" spans="1:14" ht="33.75" customHeight="1">
      <c r="A8" s="302" t="s">
        <v>466</v>
      </c>
    </row>
    <row r="9" spans="1:14" s="17" customFormat="1">
      <c r="A9" s="302"/>
    </row>
    <row r="10" spans="1:14">
      <c r="A10" s="303" t="s">
        <v>438</v>
      </c>
    </row>
    <row r="11" spans="1:14" ht="34.5" customHeight="1">
      <c r="A11" s="302" t="s">
        <v>451</v>
      </c>
    </row>
    <row r="12" spans="1:14">
      <c r="A12" s="302"/>
    </row>
    <row r="13" spans="1:14" s="19" customFormat="1">
      <c r="A13" s="303" t="s">
        <v>439</v>
      </c>
    </row>
    <row r="14" spans="1:14" s="19" customFormat="1" ht="45">
      <c r="A14" s="302" t="s">
        <v>470</v>
      </c>
    </row>
    <row r="15" spans="1:14" s="19" customFormat="1">
      <c r="A15" s="223"/>
    </row>
    <row r="16" spans="1:14" s="19" customFormat="1">
      <c r="A16" s="301" t="s">
        <v>440</v>
      </c>
    </row>
    <row r="17" spans="1:1" s="19" customFormat="1" ht="45" customHeight="1">
      <c r="A17" s="302" t="s">
        <v>471</v>
      </c>
    </row>
    <row r="18" spans="1:1" s="19" customFormat="1">
      <c r="A18" s="224"/>
    </row>
    <row r="19" spans="1:1" s="19" customFormat="1">
      <c r="A19" s="304" t="s">
        <v>453</v>
      </c>
    </row>
    <row r="20" spans="1:1" s="19" customFormat="1" ht="45">
      <c r="A20" s="300" t="s">
        <v>455</v>
      </c>
    </row>
    <row r="21" spans="1:1">
      <c r="A21" s="217"/>
    </row>
    <row r="22" spans="1:1">
      <c r="A22" s="237" t="s">
        <v>441</v>
      </c>
    </row>
    <row r="23" spans="1:1" ht="30">
      <c r="A23" s="300" t="s">
        <v>456</v>
      </c>
    </row>
    <row r="24" spans="1:1" s="218" customFormat="1">
      <c r="A24" s="222"/>
    </row>
    <row r="25" spans="1:1">
      <c r="A25" s="237" t="s">
        <v>446</v>
      </c>
    </row>
    <row r="26" spans="1:1" ht="45">
      <c r="A26" s="300" t="s">
        <v>472</v>
      </c>
    </row>
    <row r="27" spans="1:1">
      <c r="A27" s="217"/>
    </row>
    <row r="28" spans="1:1">
      <c r="A28" s="237" t="s">
        <v>447</v>
      </c>
    </row>
    <row r="29" spans="1:1" ht="45">
      <c r="A29" s="300" t="s">
        <v>457</v>
      </c>
    </row>
    <row r="30" spans="1:1">
      <c r="A30" s="222"/>
    </row>
    <row r="31" spans="1:1">
      <c r="A31" s="237" t="s">
        <v>442</v>
      </c>
    </row>
    <row r="32" spans="1:1" ht="30">
      <c r="A32" s="300" t="s">
        <v>458</v>
      </c>
    </row>
    <row r="33" spans="1:1">
      <c r="A33" s="222"/>
    </row>
    <row r="34" spans="1:1">
      <c r="A34" s="237" t="s">
        <v>448</v>
      </c>
    </row>
    <row r="35" spans="1:1" ht="45">
      <c r="A35" s="300" t="s">
        <v>459</v>
      </c>
    </row>
    <row r="36" spans="1:1">
      <c r="A36" s="222"/>
    </row>
    <row r="37" spans="1:1">
      <c r="A37" s="237" t="s">
        <v>443</v>
      </c>
    </row>
    <row r="38" spans="1:1" ht="30">
      <c r="A38" s="300" t="s">
        <v>460</v>
      </c>
    </row>
    <row r="39" spans="1:1">
      <c r="A39" s="222"/>
    </row>
    <row r="40" spans="1:1">
      <c r="A40" s="237" t="s">
        <v>461</v>
      </c>
    </row>
    <row r="41" spans="1:1" ht="30">
      <c r="A41" s="300" t="s">
        <v>462</v>
      </c>
    </row>
    <row r="42" spans="1:1">
      <c r="A42" s="217"/>
    </row>
    <row r="43" spans="1:1">
      <c r="A43" s="237" t="s">
        <v>445</v>
      </c>
    </row>
    <row r="44" spans="1:1" ht="30">
      <c r="A44" s="300" t="s">
        <v>463</v>
      </c>
    </row>
    <row r="45" spans="1:1">
      <c r="A45" s="222"/>
    </row>
    <row r="46" spans="1:1">
      <c r="A46" s="237" t="s">
        <v>449</v>
      </c>
    </row>
    <row r="47" spans="1:1" ht="60">
      <c r="A47" s="300" t="s">
        <v>464</v>
      </c>
    </row>
    <row r="48" spans="1:1">
      <c r="A48" s="222"/>
    </row>
    <row r="49" spans="1:1">
      <c r="A49" s="237" t="s">
        <v>454</v>
      </c>
    </row>
    <row r="50" spans="1:1" ht="60">
      <c r="A50" s="300" t="s">
        <v>465</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18" customWidth="1"/>
    <col min="3" max="3" width="36.140625" style="218" customWidth="1"/>
    <col min="4" max="4" width="21.140625" style="218" customWidth="1"/>
    <col min="5" max="5" width="8.85546875" style="218"/>
    <col min="6" max="6" width="23.42578125" style="218" customWidth="1"/>
    <col min="7" max="16384" width="8.85546875" style="218"/>
  </cols>
  <sheetData>
    <row r="1" spans="1:9" ht="21">
      <c r="A1" s="310" t="s">
        <v>0</v>
      </c>
      <c r="B1" s="310"/>
      <c r="C1" s="310"/>
      <c r="D1" s="310"/>
      <c r="E1" s="220"/>
      <c r="F1" s="220"/>
      <c r="G1" s="220"/>
      <c r="H1" s="220"/>
      <c r="I1" s="220"/>
    </row>
    <row r="2" spans="1:9" ht="21">
      <c r="A2" s="221"/>
      <c r="B2" s="221"/>
      <c r="C2" s="221"/>
      <c r="D2" s="221"/>
      <c r="E2" s="220"/>
      <c r="F2" s="220"/>
      <c r="G2" s="220"/>
      <c r="H2" s="220"/>
      <c r="I2" s="220"/>
    </row>
    <row r="3" spans="1:9" ht="21">
      <c r="A3" s="221" t="s">
        <v>5</v>
      </c>
      <c r="B3" s="221"/>
      <c r="C3" s="221"/>
      <c r="D3" s="221"/>
      <c r="E3" s="220"/>
      <c r="F3" s="220"/>
      <c r="G3" s="220"/>
      <c r="H3" s="220"/>
      <c r="I3" s="220"/>
    </row>
    <row r="4" spans="1:9" ht="21">
      <c r="A4" s="22"/>
      <c r="B4" s="220"/>
      <c r="C4" s="220"/>
      <c r="D4" s="220"/>
      <c r="E4" s="23"/>
      <c r="F4" s="220"/>
      <c r="G4" s="220"/>
      <c r="H4" s="220"/>
      <c r="I4" s="220"/>
    </row>
    <row r="5" spans="1:9" ht="18.75">
      <c r="A5" s="263" t="s">
        <v>63</v>
      </c>
      <c r="B5" s="24"/>
      <c r="C5" s="24"/>
      <c r="D5" s="220"/>
      <c r="E5" s="220"/>
      <c r="F5" s="220"/>
      <c r="G5" s="220"/>
      <c r="H5" s="220"/>
      <c r="I5" s="220"/>
    </row>
    <row r="6" spans="1:9" ht="18.75">
      <c r="A6" s="32"/>
      <c r="B6" s="24"/>
      <c r="C6" s="24"/>
      <c r="D6" s="220"/>
      <c r="E6" s="220"/>
      <c r="F6" s="220"/>
      <c r="G6" s="220"/>
      <c r="H6" s="220"/>
      <c r="I6" s="220"/>
    </row>
    <row r="7" spans="1:9" ht="18.75">
      <c r="A7" s="25">
        <v>1</v>
      </c>
      <c r="B7" s="231" t="s">
        <v>6</v>
      </c>
      <c r="C7" s="220"/>
      <c r="D7" s="220"/>
      <c r="E7" s="27"/>
      <c r="F7" s="27"/>
      <c r="G7" s="220"/>
      <c r="H7" s="220"/>
      <c r="I7" s="220"/>
    </row>
    <row r="8" spans="1:9">
      <c r="A8" s="25"/>
      <c r="B8" s="309" t="s">
        <v>8</v>
      </c>
      <c r="C8" s="309"/>
      <c r="D8" s="309"/>
      <c r="E8" s="309"/>
      <c r="F8" s="309"/>
      <c r="G8" s="220"/>
      <c r="H8" s="220"/>
      <c r="I8" s="220"/>
    </row>
    <row r="9" spans="1:9" ht="18.75">
      <c r="A9" s="32"/>
      <c r="B9" s="24"/>
      <c r="C9" s="24"/>
      <c r="D9" s="220"/>
      <c r="E9" s="220"/>
      <c r="F9" s="220"/>
      <c r="G9" s="220"/>
      <c r="H9" s="220"/>
      <c r="I9" s="220"/>
    </row>
    <row r="10" spans="1:9" ht="18.75">
      <c r="A10" s="25">
        <v>1</v>
      </c>
      <c r="B10" s="26" t="s">
        <v>7</v>
      </c>
      <c r="C10" s="220"/>
      <c r="D10" s="220"/>
      <c r="E10" s="27"/>
      <c r="F10" s="27"/>
      <c r="G10" s="220"/>
      <c r="H10" s="220"/>
      <c r="I10" s="220"/>
    </row>
    <row r="11" spans="1:9">
      <c r="A11" s="25"/>
      <c r="B11" s="309" t="s">
        <v>9</v>
      </c>
      <c r="C11" s="309"/>
      <c r="D11" s="309"/>
      <c r="E11" s="28"/>
      <c r="F11" s="28"/>
      <c r="G11" s="220"/>
      <c r="H11" s="220"/>
      <c r="I11" s="220"/>
    </row>
    <row r="12" spans="1:9" ht="18.75">
      <c r="A12" s="32"/>
      <c r="B12" s="24"/>
      <c r="C12" s="24"/>
      <c r="D12" s="220"/>
      <c r="E12" s="220"/>
      <c r="F12" s="220"/>
      <c r="G12" s="220"/>
      <c r="H12" s="220"/>
      <c r="I12" s="220"/>
    </row>
    <row r="13" spans="1:9" ht="18.75">
      <c r="A13" s="25">
        <v>1</v>
      </c>
      <c r="B13" s="26" t="s">
        <v>56</v>
      </c>
      <c r="C13" s="24"/>
      <c r="D13" s="220"/>
      <c r="E13" s="220"/>
      <c r="F13" s="220"/>
      <c r="G13" s="220"/>
      <c r="H13" s="220"/>
      <c r="I13" s="220"/>
    </row>
    <row r="14" spans="1:9" ht="18.75">
      <c r="A14" s="32"/>
      <c r="B14" s="220" t="s">
        <v>57</v>
      </c>
      <c r="C14" s="24"/>
      <c r="D14" s="220"/>
      <c r="E14" s="220"/>
      <c r="F14" s="220"/>
      <c r="G14" s="220"/>
      <c r="H14" s="220"/>
      <c r="I14" s="220"/>
    </row>
    <row r="15" spans="1:9" ht="18.75">
      <c r="A15" s="32"/>
      <c r="B15" s="220"/>
      <c r="C15" s="24"/>
      <c r="D15" s="220"/>
      <c r="E15" s="220"/>
      <c r="F15" s="220"/>
      <c r="G15" s="220"/>
      <c r="H15" s="220"/>
      <c r="I15" s="220"/>
    </row>
    <row r="16" spans="1:9" ht="18.75">
      <c r="A16" s="25">
        <v>1</v>
      </c>
      <c r="B16" s="26" t="s">
        <v>247</v>
      </c>
      <c r="C16" s="24"/>
      <c r="D16" s="220"/>
      <c r="E16" s="220"/>
      <c r="F16" s="220"/>
      <c r="G16" s="220"/>
      <c r="H16" s="220"/>
      <c r="I16" s="220"/>
    </row>
    <row r="17" spans="1:9" ht="18.75">
      <c r="A17" s="32"/>
      <c r="B17" s="220" t="s">
        <v>58</v>
      </c>
      <c r="C17" s="24"/>
      <c r="D17" s="220"/>
      <c r="E17" s="220"/>
      <c r="F17" s="220"/>
      <c r="G17" s="220"/>
      <c r="H17" s="220"/>
      <c r="I17" s="220"/>
    </row>
    <row r="18" spans="1:9" ht="18.75">
      <c r="A18" s="32"/>
      <c r="B18" s="220"/>
      <c r="C18" s="24"/>
      <c r="D18" s="220"/>
      <c r="E18" s="220"/>
      <c r="F18" s="220"/>
      <c r="G18" s="220"/>
      <c r="H18" s="220"/>
      <c r="I18" s="220"/>
    </row>
    <row r="19" spans="1:9" ht="18.75">
      <c r="A19" s="230" t="s">
        <v>64</v>
      </c>
      <c r="B19" s="220"/>
      <c r="C19" s="24"/>
      <c r="D19" s="220"/>
      <c r="E19" s="220"/>
      <c r="F19" s="220"/>
      <c r="G19" s="220"/>
      <c r="H19" s="220"/>
      <c r="I19" s="220"/>
    </row>
    <row r="20" spans="1:9" ht="18.75">
      <c r="A20" s="32"/>
      <c r="B20" s="220"/>
      <c r="C20" s="24"/>
      <c r="D20" s="220"/>
      <c r="E20" s="220"/>
      <c r="F20" s="220"/>
      <c r="G20" s="220"/>
      <c r="H20" s="220"/>
      <c r="I20" s="220"/>
    </row>
    <row r="21" spans="1:9" s="16" customFormat="1" ht="18.75">
      <c r="A21" s="25">
        <v>2</v>
      </c>
      <c r="B21" s="26" t="s">
        <v>59</v>
      </c>
      <c r="C21" s="220"/>
      <c r="D21" s="220"/>
      <c r="E21" s="27"/>
      <c r="F21" s="27"/>
      <c r="G21" s="27"/>
      <c r="H21" s="27"/>
      <c r="I21" s="27"/>
    </row>
    <row r="22" spans="1:9">
      <c r="A22" s="25"/>
      <c r="B22" s="308" t="s">
        <v>60</v>
      </c>
      <c r="C22" s="309"/>
      <c r="D22" s="309"/>
      <c r="E22" s="309"/>
      <c r="F22" s="309"/>
      <c r="G22" s="309"/>
      <c r="H22" s="220"/>
      <c r="I22" s="220"/>
    </row>
    <row r="23" spans="1:9">
      <c r="A23" s="25"/>
      <c r="B23" s="220"/>
      <c r="C23" s="220"/>
      <c r="D23" s="220"/>
      <c r="E23" s="220"/>
      <c r="F23" s="220"/>
      <c r="G23" s="220"/>
      <c r="H23" s="220"/>
      <c r="I23" s="220"/>
    </row>
    <row r="24" spans="1:9">
      <c r="A24" s="25">
        <v>2</v>
      </c>
      <c r="B24" s="26" t="s">
        <v>418</v>
      </c>
      <c r="C24" s="220"/>
      <c r="D24" s="220"/>
      <c r="E24" s="220"/>
      <c r="F24" s="220"/>
      <c r="G24" s="220"/>
      <c r="H24" s="220"/>
      <c r="I24" s="220"/>
    </row>
    <row r="25" spans="1:9">
      <c r="A25" s="25"/>
      <c r="B25" s="220" t="s">
        <v>61</v>
      </c>
      <c r="C25" s="220"/>
      <c r="D25" s="220"/>
      <c r="E25" s="220"/>
      <c r="F25" s="220"/>
      <c r="G25" s="220"/>
      <c r="H25" s="220"/>
      <c r="I25" s="220"/>
    </row>
    <row r="26" spans="1:9">
      <c r="A26" s="25"/>
      <c r="B26" s="220"/>
      <c r="C26" s="220"/>
      <c r="D26" s="220"/>
      <c r="E26" s="220"/>
      <c r="F26" s="220"/>
      <c r="G26" s="220"/>
      <c r="H26" s="220"/>
      <c r="I26" s="220"/>
    </row>
    <row r="27" spans="1:9">
      <c r="A27" s="25">
        <v>2</v>
      </c>
      <c r="B27" s="26" t="s">
        <v>253</v>
      </c>
      <c r="C27" s="220"/>
      <c r="D27" s="220"/>
      <c r="E27" s="220"/>
      <c r="F27" s="220"/>
      <c r="G27" s="220"/>
      <c r="H27" s="220"/>
      <c r="I27" s="220"/>
    </row>
    <row r="28" spans="1:9">
      <c r="A28" s="25"/>
      <c r="B28" s="220" t="s">
        <v>62</v>
      </c>
      <c r="C28" s="220"/>
      <c r="D28" s="220"/>
      <c r="E28" s="220"/>
      <c r="F28" s="220"/>
      <c r="G28" s="220"/>
      <c r="H28" s="220"/>
      <c r="I28" s="220"/>
    </row>
    <row r="29" spans="1:9">
      <c r="A29" s="25"/>
      <c r="B29" s="220"/>
      <c r="C29" s="220"/>
      <c r="D29" s="220"/>
      <c r="E29" s="220"/>
      <c r="F29" s="220"/>
      <c r="G29" s="220"/>
      <c r="H29" s="220"/>
      <c r="I29" s="220"/>
    </row>
    <row r="30" spans="1:9" s="16" customFormat="1" ht="18.75">
      <c r="A30" s="311" t="s">
        <v>18</v>
      </c>
      <c r="B30" s="311"/>
      <c r="C30" s="311"/>
      <c r="D30" s="27"/>
      <c r="E30" s="27"/>
      <c r="F30" s="27"/>
      <c r="G30" s="27"/>
      <c r="H30" s="27"/>
      <c r="I30" s="27"/>
    </row>
    <row r="31" spans="1:9" s="16" customFormat="1" ht="18.75">
      <c r="A31" s="32"/>
      <c r="B31" s="32"/>
      <c r="C31" s="32"/>
      <c r="D31" s="27"/>
      <c r="E31" s="27"/>
      <c r="F31" s="27"/>
      <c r="G31" s="27"/>
      <c r="H31" s="27"/>
      <c r="I31" s="27"/>
    </row>
    <row r="32" spans="1:9" s="16" customFormat="1" ht="18.75">
      <c r="A32" s="230"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2" t="s">
        <v>1</v>
      </c>
      <c r="C34" s="220"/>
      <c r="D34" s="220"/>
      <c r="E34" s="220"/>
      <c r="F34" s="220"/>
      <c r="G34" s="220"/>
      <c r="H34" s="220"/>
      <c r="I34" s="220"/>
    </row>
    <row r="35" spans="1:9">
      <c r="A35" s="22"/>
      <c r="B35" s="308" t="s">
        <v>20</v>
      </c>
      <c r="C35" s="309"/>
      <c r="D35" s="309"/>
      <c r="E35" s="309"/>
      <c r="F35" s="26"/>
      <c r="G35" s="220"/>
      <c r="H35" s="220"/>
      <c r="I35" s="220"/>
    </row>
    <row r="36" spans="1:9">
      <c r="A36" s="22"/>
      <c r="B36" s="219"/>
      <c r="C36" s="220"/>
      <c r="D36" s="220"/>
      <c r="E36" s="220"/>
      <c r="F36" s="26"/>
      <c r="G36" s="220"/>
      <c r="H36" s="220"/>
      <c r="I36" s="220"/>
    </row>
    <row r="37" spans="1:9">
      <c r="A37" s="22">
        <v>3</v>
      </c>
      <c r="B37" s="30" t="s">
        <v>35</v>
      </c>
      <c r="C37" s="220"/>
      <c r="D37" s="220"/>
      <c r="E37" s="220"/>
      <c r="F37" s="26"/>
      <c r="G37" s="220"/>
      <c r="H37" s="220"/>
      <c r="I37" s="220"/>
    </row>
    <row r="38" spans="1:9">
      <c r="A38" s="22"/>
      <c r="B38" s="279" t="s">
        <v>65</v>
      </c>
      <c r="C38" s="220"/>
      <c r="D38" s="220"/>
      <c r="E38" s="220"/>
      <c r="F38" s="26"/>
      <c r="G38" s="220"/>
      <c r="H38" s="220"/>
      <c r="I38" s="220"/>
    </row>
    <row r="39" spans="1:9">
      <c r="A39" s="22"/>
      <c r="B39" s="219"/>
      <c r="C39" s="220"/>
      <c r="D39" s="220"/>
      <c r="E39" s="220"/>
      <c r="F39" s="26"/>
      <c r="G39" s="220"/>
      <c r="H39" s="220"/>
      <c r="I39" s="220"/>
    </row>
    <row r="40" spans="1:9">
      <c r="A40" s="22">
        <v>3</v>
      </c>
      <c r="B40" s="30" t="s">
        <v>36</v>
      </c>
      <c r="C40" s="220"/>
      <c r="D40" s="220"/>
      <c r="E40" s="220"/>
      <c r="F40" s="26"/>
      <c r="G40" s="220"/>
      <c r="H40" s="220"/>
      <c r="I40" s="220"/>
    </row>
    <row r="41" spans="1:9">
      <c r="A41" s="22"/>
      <c r="B41" s="219" t="s">
        <v>66</v>
      </c>
      <c r="C41" s="220"/>
      <c r="D41" s="220"/>
      <c r="E41" s="220"/>
      <c r="F41" s="26"/>
      <c r="G41" s="220"/>
      <c r="H41" s="220"/>
      <c r="I41" s="220"/>
    </row>
    <row r="42" spans="1:9">
      <c r="A42" s="22"/>
      <c r="B42" s="219"/>
      <c r="C42" s="220"/>
      <c r="D42" s="220"/>
      <c r="E42" s="220"/>
      <c r="F42" s="26"/>
      <c r="G42" s="220"/>
      <c r="H42" s="220"/>
      <c r="I42" s="220"/>
    </row>
    <row r="43" spans="1:9">
      <c r="A43" s="25">
        <v>3</v>
      </c>
      <c r="B43" s="30" t="s">
        <v>10</v>
      </c>
      <c r="C43" s="220"/>
      <c r="D43" s="220"/>
      <c r="E43" s="220"/>
      <c r="F43" s="220"/>
      <c r="G43" s="220"/>
      <c r="H43" s="220"/>
      <c r="I43" s="220"/>
    </row>
    <row r="44" spans="1:9">
      <c r="A44" s="22"/>
      <c r="B44" s="308" t="s">
        <v>21</v>
      </c>
      <c r="C44" s="309"/>
      <c r="D44" s="220"/>
      <c r="E44" s="220"/>
      <c r="F44" s="220"/>
      <c r="G44" s="220"/>
      <c r="H44" s="220"/>
      <c r="I44" s="220"/>
    </row>
    <row r="45" spans="1:9">
      <c r="A45" s="22"/>
      <c r="B45" s="219"/>
      <c r="C45" s="220"/>
      <c r="D45" s="220"/>
      <c r="E45" s="220"/>
      <c r="F45" s="220"/>
      <c r="G45" s="220"/>
      <c r="H45" s="220"/>
      <c r="I45" s="220"/>
    </row>
    <row r="46" spans="1:9">
      <c r="A46" s="22">
        <v>3</v>
      </c>
      <c r="B46" s="30" t="s">
        <v>37</v>
      </c>
      <c r="C46" s="220"/>
      <c r="D46" s="220"/>
      <c r="E46" s="220"/>
      <c r="F46" s="220"/>
      <c r="G46" s="220"/>
      <c r="H46" s="220"/>
      <c r="I46" s="220"/>
    </row>
    <row r="47" spans="1:9">
      <c r="A47" s="22"/>
      <c r="B47" s="219" t="s">
        <v>67</v>
      </c>
      <c r="C47" s="220"/>
      <c r="D47" s="220"/>
      <c r="E47" s="220"/>
      <c r="F47" s="220"/>
      <c r="G47" s="220"/>
      <c r="H47" s="220"/>
      <c r="I47" s="220"/>
    </row>
    <row r="48" spans="1:9" ht="21">
      <c r="A48" s="29"/>
      <c r="B48" s="220"/>
      <c r="C48" s="220"/>
      <c r="D48" s="220"/>
      <c r="E48" s="220"/>
      <c r="F48" s="220"/>
      <c r="G48" s="220"/>
      <c r="H48" s="220"/>
      <c r="I48" s="220"/>
    </row>
    <row r="49" spans="1:9" s="16" customFormat="1" ht="18.75">
      <c r="A49" s="230"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1" t="s">
        <v>3</v>
      </c>
      <c r="C51" s="220"/>
      <c r="D51" s="220"/>
      <c r="E51" s="220"/>
      <c r="F51" s="220"/>
      <c r="G51" s="220"/>
      <c r="H51" s="220"/>
      <c r="I51" s="220"/>
    </row>
    <row r="52" spans="1:9">
      <c r="A52" s="22"/>
      <c r="B52" s="308" t="s">
        <v>19</v>
      </c>
      <c r="C52" s="309"/>
      <c r="D52" s="309"/>
      <c r="E52" s="220"/>
      <c r="F52" s="220"/>
      <c r="G52" s="220"/>
      <c r="H52" s="220"/>
      <c r="I52" s="220"/>
    </row>
    <row r="53" spans="1:9">
      <c r="A53" s="22"/>
      <c r="B53" s="308" t="s">
        <v>31</v>
      </c>
      <c r="C53" s="309"/>
      <c r="D53" s="309"/>
      <c r="E53" s="220"/>
      <c r="F53" s="220"/>
      <c r="G53" s="220"/>
      <c r="H53" s="220"/>
      <c r="I53" s="220"/>
    </row>
    <row r="54" spans="1:9" ht="21">
      <c r="A54" s="29"/>
      <c r="B54" s="220"/>
      <c r="C54" s="220"/>
      <c r="D54" s="220"/>
      <c r="E54" s="220"/>
      <c r="F54" s="220"/>
      <c r="G54" s="220"/>
      <c r="H54" s="220"/>
      <c r="I54" s="220"/>
    </row>
    <row r="55" spans="1:9">
      <c r="A55" s="25">
        <v>4</v>
      </c>
      <c r="B55" s="26" t="s">
        <v>293</v>
      </c>
      <c r="C55" s="280"/>
      <c r="D55" s="280"/>
      <c r="E55" s="280"/>
      <c r="F55" s="280"/>
      <c r="G55" s="280"/>
      <c r="H55" s="280"/>
      <c r="I55" s="280"/>
    </row>
    <row r="56" spans="1:9" ht="16.5" customHeight="1">
      <c r="A56" s="29"/>
      <c r="B56" s="279" t="s">
        <v>294</v>
      </c>
      <c r="C56" s="280"/>
      <c r="D56" s="280"/>
      <c r="E56" s="280"/>
      <c r="F56" s="280"/>
      <c r="G56" s="280"/>
      <c r="H56" s="280"/>
      <c r="I56" s="280"/>
    </row>
    <row r="57" spans="1:9" ht="17.25" customHeight="1">
      <c r="A57" s="29"/>
      <c r="B57" s="279" t="s">
        <v>400</v>
      </c>
      <c r="C57" s="280"/>
      <c r="D57" s="280"/>
      <c r="E57" s="280"/>
      <c r="F57" s="280"/>
      <c r="G57" s="280"/>
      <c r="H57" s="280"/>
      <c r="I57" s="280"/>
    </row>
    <row r="58" spans="1:9" ht="21">
      <c r="A58" s="29"/>
      <c r="B58" s="280"/>
      <c r="C58" s="280"/>
      <c r="D58" s="280"/>
      <c r="E58" s="280"/>
      <c r="F58" s="280"/>
      <c r="G58" s="280"/>
      <c r="H58" s="280"/>
      <c r="I58" s="280"/>
    </row>
    <row r="59" spans="1:9">
      <c r="A59" s="25">
        <v>4</v>
      </c>
      <c r="B59" s="26" t="s">
        <v>295</v>
      </c>
      <c r="C59" s="280"/>
      <c r="D59" s="280"/>
      <c r="E59" s="280"/>
      <c r="F59" s="280"/>
      <c r="G59" s="280"/>
      <c r="H59" s="280"/>
      <c r="I59" s="280"/>
    </row>
    <row r="60" spans="1:9" ht="21">
      <c r="A60" s="29"/>
      <c r="B60" s="279" t="s">
        <v>419</v>
      </c>
      <c r="C60" s="280"/>
      <c r="D60" s="280"/>
      <c r="E60" s="280"/>
      <c r="F60" s="280"/>
      <c r="G60" s="280"/>
      <c r="H60" s="280"/>
      <c r="I60" s="280"/>
    </row>
    <row r="61" spans="1:9" ht="21">
      <c r="A61" s="29"/>
      <c r="B61" s="280"/>
      <c r="C61" s="280"/>
      <c r="D61" s="280"/>
      <c r="E61" s="280"/>
      <c r="F61" s="280"/>
      <c r="G61" s="280"/>
      <c r="H61" s="280"/>
      <c r="I61" s="280"/>
    </row>
    <row r="62" spans="1:9">
      <c r="A62" s="25">
        <v>4</v>
      </c>
      <c r="B62" s="30" t="s">
        <v>230</v>
      </c>
      <c r="C62" s="220"/>
      <c r="D62" s="220"/>
      <c r="E62" s="220"/>
      <c r="F62" s="220"/>
      <c r="G62" s="220"/>
      <c r="H62" s="220"/>
      <c r="I62" s="220"/>
    </row>
    <row r="63" spans="1:9">
      <c r="A63" s="22"/>
      <c r="B63" s="308" t="s">
        <v>239</v>
      </c>
      <c r="C63" s="309"/>
      <c r="D63" s="220"/>
      <c r="E63" s="220"/>
      <c r="F63" s="220"/>
      <c r="G63" s="220"/>
      <c r="H63" s="220"/>
      <c r="I63" s="220"/>
    </row>
    <row r="64" spans="1:9">
      <c r="A64" s="22"/>
      <c r="B64" s="308" t="s">
        <v>240</v>
      </c>
      <c r="C64" s="309"/>
      <c r="D64" s="309"/>
      <c r="E64" s="309"/>
      <c r="F64" s="220"/>
      <c r="G64" s="220"/>
      <c r="H64" s="220"/>
      <c r="I64" s="220"/>
    </row>
    <row r="65" spans="1:9" ht="21">
      <c r="A65" s="29"/>
      <c r="B65" s="220"/>
      <c r="C65" s="220"/>
      <c r="D65" s="220"/>
      <c r="E65" s="220"/>
      <c r="F65" s="220"/>
      <c r="G65" s="220"/>
      <c r="H65" s="220"/>
      <c r="I65" s="220"/>
    </row>
    <row r="66" spans="1:9">
      <c r="A66" s="25">
        <v>4</v>
      </c>
      <c r="B66" s="30" t="s">
        <v>38</v>
      </c>
      <c r="C66" s="220"/>
      <c r="D66" s="220"/>
      <c r="E66" s="220"/>
      <c r="F66" s="220"/>
      <c r="G66" s="220"/>
      <c r="H66" s="220"/>
      <c r="I66" s="220"/>
    </row>
    <row r="67" spans="1:9">
      <c r="A67" s="22"/>
      <c r="B67" s="308" t="s">
        <v>68</v>
      </c>
      <c r="C67" s="309"/>
      <c r="D67" s="309"/>
      <c r="E67" s="309"/>
      <c r="F67" s="26"/>
      <c r="G67" s="220"/>
      <c r="H67" s="220"/>
      <c r="I67" s="220"/>
    </row>
    <row r="68" spans="1:9">
      <c r="A68" s="22"/>
      <c r="B68" s="308"/>
      <c r="C68" s="309"/>
      <c r="D68" s="309"/>
      <c r="E68" s="309"/>
      <c r="F68" s="220"/>
      <c r="G68" s="26"/>
      <c r="H68" s="220"/>
      <c r="I68" s="220"/>
    </row>
    <row r="69" spans="1:9">
      <c r="A69" s="22">
        <v>4</v>
      </c>
      <c r="B69" s="30" t="s">
        <v>39</v>
      </c>
      <c r="C69" s="220"/>
      <c r="D69" s="220"/>
      <c r="E69" s="220"/>
      <c r="F69" s="220"/>
      <c r="G69" s="26"/>
      <c r="H69" s="220"/>
      <c r="I69" s="220"/>
    </row>
    <row r="70" spans="1:9">
      <c r="A70" s="22"/>
      <c r="B70" s="219" t="s">
        <v>69</v>
      </c>
      <c r="C70" s="220"/>
      <c r="D70" s="220"/>
      <c r="E70" s="220"/>
      <c r="F70" s="220"/>
      <c r="G70" s="26"/>
      <c r="H70" s="220"/>
      <c r="I70" s="220"/>
    </row>
    <row r="71" spans="1:9">
      <c r="A71" s="22"/>
      <c r="B71" s="219"/>
      <c r="C71" s="220"/>
      <c r="D71" s="220"/>
      <c r="E71" s="220"/>
      <c r="F71" s="220"/>
      <c r="G71" s="26"/>
      <c r="H71" s="220"/>
      <c r="I71" s="220"/>
    </row>
    <row r="72" spans="1:9">
      <c r="A72" s="25">
        <v>4</v>
      </c>
      <c r="B72" s="30" t="s">
        <v>4</v>
      </c>
      <c r="C72" s="220"/>
      <c r="D72" s="220"/>
      <c r="E72" s="220"/>
      <c r="F72" s="220"/>
      <c r="G72" s="220"/>
      <c r="H72" s="220"/>
      <c r="I72" s="220"/>
    </row>
    <row r="73" spans="1:9">
      <c r="A73" s="22"/>
      <c r="B73" s="308" t="s">
        <v>22</v>
      </c>
      <c r="C73" s="309"/>
      <c r="D73" s="309"/>
      <c r="E73" s="220"/>
      <c r="F73" s="220"/>
      <c r="G73" s="220"/>
      <c r="H73" s="220"/>
      <c r="I73" s="220"/>
    </row>
    <row r="74" spans="1:9">
      <c r="A74" s="22"/>
      <c r="B74" s="219"/>
      <c r="C74" s="220"/>
      <c r="D74" s="220"/>
      <c r="E74" s="220"/>
      <c r="F74" s="220"/>
      <c r="G74" s="220"/>
      <c r="H74" s="220"/>
      <c r="I74" s="220"/>
    </row>
    <row r="75" spans="1:9">
      <c r="A75" s="233" t="s">
        <v>70</v>
      </c>
      <c r="B75" s="219"/>
      <c r="C75" s="220"/>
      <c r="D75" s="220"/>
      <c r="E75" s="220"/>
      <c r="F75" s="220"/>
      <c r="G75" s="220"/>
      <c r="H75" s="220"/>
      <c r="I75" s="220"/>
    </row>
    <row r="76" spans="1:9">
      <c r="A76" s="22"/>
      <c r="B76" s="219"/>
      <c r="C76" s="220"/>
      <c r="D76" s="220"/>
      <c r="E76" s="220"/>
      <c r="F76" s="220"/>
      <c r="G76" s="220"/>
      <c r="H76" s="220"/>
      <c r="I76" s="220"/>
    </row>
    <row r="77" spans="1:9">
      <c r="A77" s="25">
        <v>5</v>
      </c>
      <c r="B77" s="232" t="s">
        <v>11</v>
      </c>
      <c r="C77" s="220"/>
      <c r="D77" s="220"/>
      <c r="E77" s="220"/>
      <c r="F77" s="220"/>
      <c r="G77" s="220"/>
      <c r="H77" s="220"/>
      <c r="I77" s="220"/>
    </row>
    <row r="78" spans="1:9">
      <c r="A78" s="22"/>
      <c r="B78" s="308" t="s">
        <v>23</v>
      </c>
      <c r="C78" s="309"/>
      <c r="D78" s="309"/>
      <c r="E78" s="220"/>
      <c r="F78" s="220"/>
      <c r="G78" s="220"/>
      <c r="H78" s="220"/>
      <c r="I78" s="220"/>
    </row>
    <row r="79" spans="1:9">
      <c r="A79" s="22"/>
      <c r="B79" s="219"/>
      <c r="C79" s="220"/>
      <c r="D79" s="220"/>
      <c r="E79" s="220"/>
      <c r="F79" s="220"/>
      <c r="G79" s="220"/>
      <c r="H79" s="220"/>
      <c r="I79" s="220"/>
    </row>
    <row r="80" spans="1:9">
      <c r="A80" s="22">
        <v>5</v>
      </c>
      <c r="B80" s="30" t="s">
        <v>43</v>
      </c>
      <c r="C80" s="220"/>
      <c r="D80" s="220"/>
      <c r="E80" s="220"/>
      <c r="F80" s="220"/>
      <c r="G80" s="220"/>
      <c r="H80" s="220"/>
      <c r="I80" s="220"/>
    </row>
    <row r="81" spans="1:9">
      <c r="A81" s="22"/>
      <c r="B81" s="219" t="s">
        <v>71</v>
      </c>
      <c r="C81" s="220"/>
      <c r="D81" s="220"/>
      <c r="E81" s="220"/>
      <c r="F81" s="220"/>
      <c r="G81" s="220"/>
      <c r="H81" s="220"/>
      <c r="I81" s="220"/>
    </row>
    <row r="82" spans="1:9">
      <c r="A82" s="22"/>
      <c r="B82" s="220"/>
      <c r="C82" s="220"/>
      <c r="D82" s="220"/>
      <c r="E82" s="220"/>
      <c r="F82" s="220"/>
      <c r="G82" s="220"/>
      <c r="H82" s="220"/>
      <c r="I82" s="220"/>
    </row>
    <row r="83" spans="1:9">
      <c r="A83" s="25">
        <v>5</v>
      </c>
      <c r="B83" s="30" t="s">
        <v>262</v>
      </c>
      <c r="C83" s="220"/>
      <c r="D83" s="220"/>
      <c r="E83" s="220"/>
      <c r="F83" s="220"/>
      <c r="G83" s="220"/>
      <c r="H83" s="220"/>
      <c r="I83" s="220"/>
    </row>
    <row r="84" spans="1:9">
      <c r="A84" s="22"/>
      <c r="B84" s="308" t="s">
        <v>72</v>
      </c>
      <c r="C84" s="309"/>
      <c r="D84" s="309"/>
      <c r="E84" s="220"/>
      <c r="F84" s="220"/>
      <c r="G84" s="220"/>
      <c r="H84" s="220"/>
      <c r="I84" s="220"/>
    </row>
    <row r="85" spans="1:9">
      <c r="A85" s="22"/>
      <c r="B85" s="308"/>
      <c r="C85" s="309"/>
      <c r="D85" s="309"/>
      <c r="E85" s="220"/>
      <c r="F85" s="220"/>
      <c r="G85" s="220"/>
      <c r="H85" s="220"/>
      <c r="I85" s="220"/>
    </row>
    <row r="86" spans="1:9">
      <c r="A86" s="22">
        <v>5</v>
      </c>
      <c r="B86" s="30" t="s">
        <v>44</v>
      </c>
      <c r="C86" s="220"/>
      <c r="D86" s="220"/>
      <c r="E86" s="220"/>
      <c r="F86" s="220"/>
      <c r="G86" s="220"/>
      <c r="H86" s="220"/>
      <c r="I86" s="220"/>
    </row>
    <row r="87" spans="1:9">
      <c r="A87" s="22"/>
      <c r="B87" s="308" t="s">
        <v>72</v>
      </c>
      <c r="C87" s="309"/>
      <c r="D87" s="309"/>
      <c r="E87" s="220"/>
      <c r="F87" s="220"/>
      <c r="G87" s="220"/>
      <c r="H87" s="220"/>
      <c r="I87" s="220"/>
    </row>
    <row r="88" spans="1:9">
      <c r="A88" s="22"/>
      <c r="B88" s="219"/>
      <c r="C88" s="220"/>
      <c r="D88" s="220"/>
      <c r="E88" s="220"/>
      <c r="F88" s="220"/>
      <c r="G88" s="220"/>
      <c r="H88" s="220"/>
      <c r="I88" s="220"/>
    </row>
    <row r="89" spans="1:9">
      <c r="A89" s="233" t="s">
        <v>45</v>
      </c>
      <c r="B89" s="219"/>
      <c r="C89" s="220"/>
      <c r="D89" s="220"/>
      <c r="E89" s="220"/>
      <c r="F89" s="220"/>
      <c r="G89" s="220"/>
      <c r="H89" s="220"/>
      <c r="I89" s="220"/>
    </row>
    <row r="90" spans="1:9">
      <c r="A90" s="22"/>
      <c r="B90" s="219"/>
      <c r="C90" s="220"/>
      <c r="D90" s="220"/>
      <c r="E90" s="220"/>
      <c r="F90" s="220"/>
      <c r="G90" s="220"/>
      <c r="H90" s="220"/>
      <c r="I90" s="220"/>
    </row>
    <row r="91" spans="1:9">
      <c r="A91" s="25">
        <v>6</v>
      </c>
      <c r="B91" s="232" t="s">
        <v>12</v>
      </c>
      <c r="C91" s="220"/>
      <c r="D91" s="220"/>
      <c r="E91" s="220"/>
      <c r="F91" s="220"/>
      <c r="G91" s="220"/>
      <c r="H91" s="220"/>
      <c r="I91" s="220"/>
    </row>
    <row r="92" spans="1:9">
      <c r="A92" s="22"/>
      <c r="B92" s="308" t="s">
        <v>24</v>
      </c>
      <c r="C92" s="309"/>
      <c r="D92" s="309"/>
      <c r="E92" s="220"/>
      <c r="F92" s="220"/>
      <c r="G92" s="220"/>
      <c r="H92" s="220"/>
      <c r="I92" s="220"/>
    </row>
    <row r="93" spans="1:9">
      <c r="A93" s="22"/>
      <c r="B93" s="308"/>
      <c r="C93" s="309"/>
      <c r="D93" s="309"/>
      <c r="E93" s="220"/>
      <c r="F93" s="220"/>
      <c r="G93" s="220"/>
      <c r="H93" s="220"/>
      <c r="I93" s="220"/>
    </row>
    <row r="94" spans="1:9">
      <c r="A94" s="22">
        <v>6</v>
      </c>
      <c r="B94" s="30" t="s">
        <v>46</v>
      </c>
      <c r="C94" s="220"/>
      <c r="D94" s="220"/>
      <c r="E94" s="220"/>
      <c r="F94" s="220"/>
      <c r="G94" s="220"/>
      <c r="H94" s="220"/>
      <c r="I94" s="220"/>
    </row>
    <row r="95" spans="1:9">
      <c r="A95" s="22"/>
      <c r="B95" s="219" t="s">
        <v>73</v>
      </c>
      <c r="C95" s="220"/>
      <c r="D95" s="220"/>
      <c r="E95" s="220"/>
      <c r="F95" s="220"/>
      <c r="G95" s="220"/>
      <c r="H95" s="220"/>
      <c r="I95" s="220"/>
    </row>
    <row r="96" spans="1:9">
      <c r="A96" s="22"/>
      <c r="B96" s="220"/>
      <c r="C96" s="220"/>
      <c r="D96" s="220"/>
      <c r="E96" s="220"/>
      <c r="F96" s="220"/>
      <c r="G96" s="220"/>
      <c r="H96" s="220"/>
      <c r="I96" s="220"/>
    </row>
    <row r="97" spans="1:9">
      <c r="A97" s="25">
        <v>6</v>
      </c>
      <c r="B97" s="30" t="s">
        <v>264</v>
      </c>
      <c r="C97" s="220"/>
      <c r="D97" s="220"/>
      <c r="E97" s="220"/>
      <c r="F97" s="220"/>
      <c r="G97" s="220"/>
      <c r="H97" s="220"/>
      <c r="I97" s="220"/>
    </row>
    <row r="98" spans="1:9">
      <c r="A98" s="22"/>
      <c r="B98" s="308" t="s">
        <v>25</v>
      </c>
      <c r="C98" s="309"/>
      <c r="D98" s="309"/>
      <c r="E98" s="220"/>
      <c r="F98" s="220"/>
      <c r="G98" s="220"/>
      <c r="H98" s="220"/>
      <c r="I98" s="220"/>
    </row>
    <row r="99" spans="1:9">
      <c r="A99" s="22"/>
      <c r="B99" s="308"/>
      <c r="C99" s="309"/>
      <c r="D99" s="309"/>
      <c r="E99" s="220"/>
      <c r="F99" s="220"/>
      <c r="G99" s="220"/>
      <c r="H99" s="220"/>
      <c r="I99" s="220"/>
    </row>
    <row r="100" spans="1:9">
      <c r="A100" s="22">
        <v>6</v>
      </c>
      <c r="B100" s="30" t="s">
        <v>47</v>
      </c>
      <c r="C100" s="220"/>
      <c r="D100" s="220"/>
      <c r="E100" s="220"/>
      <c r="F100" s="220"/>
      <c r="G100" s="220"/>
      <c r="H100" s="220"/>
      <c r="I100" s="220"/>
    </row>
    <row r="101" spans="1:9">
      <c r="A101" s="22"/>
      <c r="B101" s="219" t="s">
        <v>74</v>
      </c>
      <c r="C101" s="220"/>
      <c r="D101" s="220"/>
      <c r="E101" s="220"/>
      <c r="F101" s="220"/>
      <c r="G101" s="220"/>
      <c r="H101" s="220"/>
      <c r="I101" s="220"/>
    </row>
    <row r="102" spans="1:9">
      <c r="A102" s="22"/>
      <c r="B102" s="219"/>
      <c r="C102" s="220"/>
      <c r="D102" s="220"/>
      <c r="E102" s="220"/>
      <c r="F102" s="220"/>
      <c r="G102" s="220"/>
      <c r="H102" s="220"/>
      <c r="I102" s="220"/>
    </row>
    <row r="103" spans="1:9">
      <c r="A103" s="22">
        <v>6</v>
      </c>
      <c r="B103" s="30" t="s">
        <v>266</v>
      </c>
      <c r="C103" s="280"/>
      <c r="D103" s="280"/>
      <c r="E103" s="280"/>
      <c r="F103" s="280"/>
      <c r="G103" s="280"/>
      <c r="H103" s="280"/>
      <c r="I103" s="280"/>
    </row>
    <row r="104" spans="1:9">
      <c r="A104" s="22"/>
      <c r="B104" s="279" t="s">
        <v>74</v>
      </c>
      <c r="C104" s="280"/>
      <c r="D104" s="280"/>
      <c r="E104" s="280"/>
      <c r="F104" s="280"/>
      <c r="G104" s="280"/>
      <c r="H104" s="280"/>
      <c r="I104" s="280"/>
    </row>
    <row r="105" spans="1:9">
      <c r="A105" s="22"/>
      <c r="B105" s="279"/>
      <c r="C105" s="280"/>
      <c r="D105" s="280"/>
      <c r="E105" s="280"/>
      <c r="F105" s="280"/>
      <c r="G105" s="280"/>
      <c r="H105" s="280"/>
      <c r="I105" s="280"/>
    </row>
    <row r="106" spans="1:9">
      <c r="A106" s="22">
        <v>6</v>
      </c>
      <c r="B106" s="26" t="s">
        <v>30</v>
      </c>
      <c r="C106" s="220"/>
      <c r="D106" s="220"/>
      <c r="E106" s="220"/>
      <c r="F106" s="220"/>
      <c r="G106" s="220"/>
      <c r="H106" s="220"/>
      <c r="I106" s="220"/>
    </row>
    <row r="107" spans="1:9">
      <c r="A107" s="25"/>
      <c r="B107" s="220" t="s">
        <v>75</v>
      </c>
      <c r="C107" s="220"/>
      <c r="D107" s="220"/>
      <c r="E107" s="220"/>
      <c r="F107" s="220"/>
      <c r="G107" s="220"/>
      <c r="H107" s="220"/>
      <c r="I107" s="220"/>
    </row>
    <row r="108" spans="1:9">
      <c r="A108" s="22"/>
      <c r="B108" s="308"/>
      <c r="C108" s="309"/>
      <c r="D108" s="309"/>
      <c r="E108" s="220"/>
      <c r="F108" s="220"/>
      <c r="G108" s="220"/>
      <c r="H108" s="220"/>
      <c r="I108" s="220"/>
    </row>
    <row r="109" spans="1:9">
      <c r="A109" s="22">
        <v>6</v>
      </c>
      <c r="B109" s="30" t="s">
        <v>13</v>
      </c>
      <c r="C109" s="220"/>
      <c r="D109" s="220"/>
      <c r="E109" s="220"/>
      <c r="F109" s="220"/>
      <c r="G109" s="220"/>
      <c r="H109" s="220"/>
      <c r="I109" s="220"/>
    </row>
    <row r="110" spans="1:9">
      <c r="A110" s="31"/>
      <c r="B110" s="308" t="s">
        <v>14</v>
      </c>
      <c r="C110" s="309"/>
      <c r="D110" s="309"/>
      <c r="E110" s="220"/>
      <c r="F110" s="220"/>
      <c r="G110" s="220"/>
      <c r="H110" s="220"/>
      <c r="I110" s="220"/>
    </row>
    <row r="111" spans="1:9">
      <c r="A111" s="31"/>
      <c r="B111" s="219"/>
      <c r="C111" s="220"/>
      <c r="D111" s="220"/>
      <c r="E111" s="220"/>
      <c r="F111" s="220"/>
      <c r="G111" s="220"/>
      <c r="H111" s="220"/>
      <c r="I111" s="220"/>
    </row>
    <row r="112" spans="1:9">
      <c r="A112" s="233" t="s">
        <v>48</v>
      </c>
      <c r="B112" s="34"/>
      <c r="C112" s="35"/>
      <c r="D112" s="35"/>
      <c r="E112" s="220"/>
      <c r="F112" s="220"/>
      <c r="G112" s="220"/>
      <c r="H112" s="220"/>
      <c r="I112" s="220"/>
    </row>
    <row r="113" spans="1:9">
      <c r="A113" s="31"/>
      <c r="B113" s="30"/>
      <c r="C113" s="220"/>
      <c r="D113" s="220"/>
      <c r="E113" s="220"/>
      <c r="F113" s="220"/>
      <c r="G113" s="220"/>
      <c r="H113" s="220"/>
      <c r="I113" s="220"/>
    </row>
    <row r="114" spans="1:9">
      <c r="A114" s="25">
        <v>7</v>
      </c>
      <c r="B114" s="232" t="s">
        <v>272</v>
      </c>
      <c r="C114" s="220"/>
      <c r="D114" s="220"/>
      <c r="E114" s="220"/>
      <c r="F114" s="220"/>
      <c r="G114" s="220"/>
      <c r="H114" s="220"/>
      <c r="I114" s="220"/>
    </row>
    <row r="115" spans="1:9">
      <c r="A115" s="31"/>
      <c r="B115" s="308" t="s">
        <v>420</v>
      </c>
      <c r="C115" s="309"/>
      <c r="D115" s="309"/>
      <c r="E115" s="220"/>
      <c r="F115" s="220"/>
      <c r="G115" s="220"/>
      <c r="H115" s="220"/>
      <c r="I115" s="220"/>
    </row>
    <row r="116" spans="1:9">
      <c r="A116" s="31"/>
      <c r="B116" s="308"/>
      <c r="C116" s="309"/>
      <c r="D116" s="309"/>
      <c r="E116" s="220"/>
      <c r="F116" s="220"/>
      <c r="G116" s="220"/>
      <c r="H116" s="220"/>
      <c r="I116" s="220"/>
    </row>
    <row r="117" spans="1:9">
      <c r="A117" s="25">
        <v>7</v>
      </c>
      <c r="B117" s="30" t="s">
        <v>49</v>
      </c>
      <c r="C117" s="220"/>
      <c r="D117" s="220"/>
      <c r="E117" s="220"/>
      <c r="F117" s="220"/>
      <c r="G117" s="220"/>
      <c r="H117" s="220"/>
      <c r="I117" s="220"/>
    </row>
    <row r="118" spans="1:9">
      <c r="A118" s="31"/>
      <c r="B118" s="219" t="s">
        <v>76</v>
      </c>
      <c r="C118" s="220"/>
      <c r="D118" s="220"/>
      <c r="E118" s="220"/>
      <c r="F118" s="220"/>
      <c r="G118" s="220"/>
      <c r="H118" s="220"/>
      <c r="I118" s="220"/>
    </row>
    <row r="119" spans="1:9">
      <c r="A119" s="31"/>
      <c r="B119" s="219"/>
      <c r="C119" s="220"/>
      <c r="D119" s="220"/>
      <c r="E119" s="220"/>
      <c r="F119" s="220"/>
      <c r="G119" s="220"/>
      <c r="H119" s="220"/>
      <c r="I119" s="220"/>
    </row>
    <row r="120" spans="1:9">
      <c r="A120" s="25">
        <v>7</v>
      </c>
      <c r="B120" s="30" t="s">
        <v>50</v>
      </c>
      <c r="C120" s="220"/>
      <c r="D120" s="220"/>
      <c r="E120" s="220"/>
      <c r="F120" s="220"/>
      <c r="G120" s="220"/>
      <c r="H120" s="220"/>
      <c r="I120" s="220"/>
    </row>
    <row r="121" spans="1:9">
      <c r="A121" s="31"/>
      <c r="B121" s="219" t="s">
        <v>77</v>
      </c>
      <c r="C121" s="220"/>
      <c r="D121" s="220"/>
      <c r="E121" s="220"/>
      <c r="F121" s="220"/>
      <c r="G121" s="220"/>
      <c r="H121" s="220"/>
      <c r="I121" s="220"/>
    </row>
    <row r="122" spans="1:9">
      <c r="A122" s="25"/>
      <c r="B122" s="219"/>
      <c r="C122" s="220"/>
      <c r="D122" s="220"/>
      <c r="E122" s="220"/>
      <c r="F122" s="220"/>
      <c r="G122" s="220"/>
      <c r="H122" s="220"/>
      <c r="I122" s="220"/>
    </row>
    <row r="123" spans="1:9">
      <c r="A123" s="25">
        <v>7</v>
      </c>
      <c r="B123" s="30" t="s">
        <v>275</v>
      </c>
      <c r="C123" s="220"/>
      <c r="D123" s="220"/>
      <c r="E123" s="220"/>
      <c r="F123" s="220"/>
      <c r="G123" s="220"/>
      <c r="H123" s="220"/>
      <c r="I123" s="220"/>
    </row>
    <row r="124" spans="1:9">
      <c r="A124" s="25"/>
      <c r="B124" s="279" t="s">
        <v>421</v>
      </c>
      <c r="C124" s="220"/>
      <c r="D124" s="220"/>
      <c r="E124" s="220"/>
      <c r="F124" s="220"/>
      <c r="G124" s="220"/>
      <c r="H124" s="220"/>
      <c r="I124" s="220"/>
    </row>
    <row r="125" spans="1:9">
      <c r="A125" s="25"/>
      <c r="B125" s="219"/>
      <c r="C125" s="220"/>
      <c r="D125" s="220"/>
      <c r="E125" s="220"/>
      <c r="F125" s="220"/>
      <c r="G125" s="220"/>
      <c r="H125" s="220"/>
      <c r="I125" s="220"/>
    </row>
    <row r="126" spans="1:9">
      <c r="A126" s="25">
        <v>7</v>
      </c>
      <c r="B126" s="30" t="s">
        <v>15</v>
      </c>
      <c r="C126" s="220"/>
      <c r="D126" s="220"/>
      <c r="E126" s="220"/>
      <c r="F126" s="220"/>
      <c r="G126" s="220"/>
      <c r="H126" s="220"/>
      <c r="I126" s="220"/>
    </row>
    <row r="127" spans="1:9">
      <c r="A127" s="31"/>
      <c r="B127" s="308" t="s">
        <v>26</v>
      </c>
      <c r="C127" s="309"/>
      <c r="D127" s="309"/>
      <c r="E127" s="220"/>
      <c r="F127" s="220"/>
      <c r="G127" s="220"/>
      <c r="H127" s="220"/>
      <c r="I127" s="220"/>
    </row>
    <row r="128" spans="1:9">
      <c r="A128" s="25"/>
      <c r="B128" s="219"/>
      <c r="C128" s="220"/>
      <c r="D128" s="220"/>
      <c r="E128" s="220"/>
      <c r="F128" s="220"/>
      <c r="G128" s="220"/>
      <c r="H128" s="220"/>
      <c r="I128" s="220"/>
    </row>
    <row r="129" spans="1:9">
      <c r="A129" s="25">
        <v>7</v>
      </c>
      <c r="B129" s="30" t="s">
        <v>78</v>
      </c>
      <c r="C129" s="220"/>
      <c r="D129" s="220"/>
      <c r="E129" s="220"/>
      <c r="F129" s="220"/>
      <c r="G129" s="220"/>
      <c r="H129" s="220"/>
      <c r="I129" s="220"/>
    </row>
    <row r="130" spans="1:9">
      <c r="A130" s="31"/>
      <c r="B130" s="219" t="s">
        <v>79</v>
      </c>
      <c r="C130" s="220"/>
      <c r="D130" s="220"/>
      <c r="E130" s="220"/>
      <c r="F130" s="220"/>
      <c r="G130" s="220"/>
      <c r="H130" s="220"/>
      <c r="I130" s="220"/>
    </row>
    <row r="131" spans="1:9">
      <c r="A131" s="31"/>
      <c r="B131" s="219"/>
      <c r="C131" s="220"/>
      <c r="D131" s="220"/>
      <c r="E131" s="220"/>
      <c r="F131" s="220"/>
      <c r="G131" s="220"/>
      <c r="H131" s="220"/>
      <c r="I131" s="220"/>
    </row>
    <row r="132" spans="1:9">
      <c r="A132" s="25">
        <v>7</v>
      </c>
      <c r="B132" s="263" t="s">
        <v>51</v>
      </c>
      <c r="C132" s="25"/>
      <c r="D132" s="25"/>
      <c r="E132" s="220"/>
      <c r="F132" s="220"/>
      <c r="G132" s="220"/>
      <c r="H132" s="220"/>
      <c r="I132" s="220"/>
    </row>
    <row r="133" spans="1:9">
      <c r="A133" s="25"/>
      <c r="B133" s="25" t="s">
        <v>27</v>
      </c>
      <c r="C133" s="25"/>
      <c r="D133" s="25"/>
      <c r="E133" s="220"/>
      <c r="F133" s="220"/>
      <c r="G133" s="220"/>
      <c r="H133" s="220"/>
      <c r="I133" s="220"/>
    </row>
    <row r="134" spans="1:9">
      <c r="A134" s="25"/>
      <c r="B134" s="25"/>
      <c r="C134" s="25"/>
      <c r="D134" s="25"/>
      <c r="E134" s="220"/>
      <c r="F134" s="220"/>
      <c r="G134" s="220"/>
      <c r="H134" s="220"/>
      <c r="I134" s="220"/>
    </row>
    <row r="135" spans="1:9">
      <c r="A135" s="25">
        <v>7</v>
      </c>
      <c r="B135" s="263" t="s">
        <v>52</v>
      </c>
      <c r="C135" s="25"/>
      <c r="D135" s="25"/>
      <c r="E135" s="220"/>
      <c r="F135" s="220"/>
      <c r="G135" s="220"/>
      <c r="H135" s="220"/>
      <c r="I135" s="220"/>
    </row>
    <row r="136" spans="1:9">
      <c r="A136" s="25"/>
      <c r="B136" s="25" t="s">
        <v>80</v>
      </c>
      <c r="C136" s="25"/>
      <c r="D136" s="25"/>
      <c r="E136" s="220"/>
      <c r="F136" s="220"/>
      <c r="G136" s="220"/>
      <c r="H136" s="220"/>
      <c r="I136" s="220"/>
    </row>
    <row r="137" spans="1:9">
      <c r="A137" s="31"/>
      <c r="B137" s="219"/>
      <c r="C137" s="220"/>
      <c r="D137" s="220"/>
      <c r="E137" s="220"/>
      <c r="F137" s="220"/>
      <c r="G137" s="220"/>
      <c r="H137" s="220"/>
      <c r="I137" s="220"/>
    </row>
    <row r="138" spans="1:9">
      <c r="A138" s="25">
        <v>7</v>
      </c>
      <c r="B138" s="263" t="s">
        <v>16</v>
      </c>
      <c r="C138" s="220"/>
      <c r="D138" s="220"/>
      <c r="E138" s="220"/>
      <c r="F138" s="220"/>
      <c r="G138" s="220"/>
      <c r="H138" s="220"/>
      <c r="I138" s="220"/>
    </row>
    <row r="139" spans="1:9">
      <c r="A139" s="31"/>
      <c r="B139" s="308" t="s">
        <v>28</v>
      </c>
      <c r="C139" s="309"/>
      <c r="D139" s="309"/>
      <c r="E139" s="220"/>
      <c r="F139" s="220"/>
      <c r="G139" s="220"/>
      <c r="H139" s="220"/>
      <c r="I139" s="220"/>
    </row>
    <row r="140" spans="1:9">
      <c r="A140" s="31"/>
      <c r="B140" s="219"/>
      <c r="C140" s="220"/>
      <c r="D140" s="220"/>
      <c r="E140" s="220"/>
      <c r="F140" s="220"/>
      <c r="G140" s="220"/>
      <c r="H140" s="220"/>
      <c r="I140" s="220"/>
    </row>
    <row r="141" spans="1:9">
      <c r="A141" s="25">
        <v>7</v>
      </c>
      <c r="B141" s="30" t="s">
        <v>53</v>
      </c>
      <c r="C141" s="220"/>
      <c r="D141" s="220"/>
      <c r="E141" s="220"/>
      <c r="F141" s="220"/>
      <c r="G141" s="220"/>
      <c r="H141" s="220"/>
      <c r="I141" s="220"/>
    </row>
    <row r="142" spans="1:9">
      <c r="A142" s="31"/>
      <c r="B142" s="25" t="s">
        <v>81</v>
      </c>
      <c r="C142" s="220"/>
      <c r="D142" s="220"/>
      <c r="E142" s="220"/>
      <c r="F142" s="220"/>
      <c r="G142" s="220"/>
      <c r="H142" s="220"/>
      <c r="I142" s="220"/>
    </row>
    <row r="143" spans="1:9">
      <c r="A143" s="31"/>
      <c r="B143" s="219"/>
      <c r="C143" s="220"/>
      <c r="D143" s="220"/>
      <c r="E143" s="220"/>
      <c r="F143" s="220"/>
      <c r="G143" s="220"/>
      <c r="H143" s="220"/>
      <c r="I143" s="220"/>
    </row>
    <row r="144" spans="1:9">
      <c r="A144" s="233" t="s">
        <v>54</v>
      </c>
      <c r="B144" s="34"/>
      <c r="C144" s="34"/>
      <c r="D144" s="34"/>
      <c r="E144" s="220"/>
      <c r="F144" s="220"/>
      <c r="G144" s="220"/>
      <c r="H144" s="220"/>
      <c r="I144" s="220"/>
    </row>
    <row r="145" spans="1:9">
      <c r="A145" s="31"/>
      <c r="B145" s="30"/>
      <c r="C145" s="220"/>
      <c r="D145" s="220"/>
      <c r="E145" s="220"/>
      <c r="F145" s="220"/>
      <c r="G145" s="220"/>
      <c r="H145" s="220"/>
      <c r="I145" s="220"/>
    </row>
    <row r="146" spans="1:9">
      <c r="A146" s="25">
        <v>8</v>
      </c>
      <c r="B146" s="232" t="s">
        <v>17</v>
      </c>
      <c r="C146" s="220"/>
      <c r="D146" s="220"/>
      <c r="E146" s="220"/>
      <c r="F146" s="220"/>
      <c r="G146" s="220"/>
      <c r="H146" s="220"/>
      <c r="I146" s="220"/>
    </row>
    <row r="147" spans="1:9">
      <c r="A147" s="31"/>
      <c r="B147" s="308" t="s">
        <v>29</v>
      </c>
      <c r="C147" s="309"/>
      <c r="D147" s="309"/>
      <c r="E147" s="220"/>
      <c r="F147" s="220"/>
      <c r="G147" s="220"/>
      <c r="H147" s="220"/>
      <c r="I147" s="220"/>
    </row>
    <row r="148" spans="1:9">
      <c r="A148" s="31"/>
      <c r="B148" s="308"/>
      <c r="C148" s="309"/>
      <c r="D148" s="309"/>
      <c r="E148" s="220"/>
      <c r="F148" s="220"/>
      <c r="G148" s="220"/>
      <c r="H148" s="220"/>
      <c r="I148" s="220"/>
    </row>
    <row r="149" spans="1:9">
      <c r="A149" s="22">
        <v>8</v>
      </c>
      <c r="B149" s="26" t="s">
        <v>55</v>
      </c>
      <c r="C149" s="220"/>
      <c r="D149" s="220"/>
      <c r="E149" s="220"/>
      <c r="F149" s="220"/>
      <c r="G149" s="220"/>
      <c r="H149" s="220"/>
      <c r="I149" s="220"/>
    </row>
    <row r="150" spans="1:9">
      <c r="A150" s="22"/>
      <c r="B150" s="25" t="s">
        <v>177</v>
      </c>
      <c r="C150" s="220"/>
      <c r="D150" s="220"/>
      <c r="E150" s="220"/>
      <c r="F150" s="220"/>
      <c r="G150" s="220"/>
      <c r="H150" s="220"/>
      <c r="I150" s="220"/>
    </row>
    <row r="151" spans="1:9">
      <c r="A151" s="22"/>
      <c r="B151" s="220"/>
      <c r="C151" s="220"/>
      <c r="D151" s="220"/>
      <c r="E151" s="220"/>
      <c r="F151" s="220"/>
      <c r="G151" s="220"/>
      <c r="H151" s="220"/>
      <c r="I151" s="220"/>
    </row>
    <row r="152" spans="1:9">
      <c r="A152" s="22"/>
      <c r="B152" s="220"/>
      <c r="C152" s="220"/>
      <c r="D152" s="220"/>
      <c r="E152" s="220"/>
      <c r="F152" s="220"/>
      <c r="G152" s="220"/>
      <c r="H152" s="220"/>
      <c r="I152" s="220"/>
    </row>
  </sheetData>
  <mergeCells count="30">
    <mergeCell ref="B148:D148"/>
    <mergeCell ref="B116:D116"/>
    <mergeCell ref="B110:D110"/>
    <mergeCell ref="B115:D115"/>
    <mergeCell ref="B139:D139"/>
    <mergeCell ref="B147:D147"/>
    <mergeCell ref="B127:D127"/>
    <mergeCell ref="A1:D1"/>
    <mergeCell ref="B8:F8"/>
    <mergeCell ref="B52:D52"/>
    <mergeCell ref="B53:D53"/>
    <mergeCell ref="B35:E35"/>
    <mergeCell ref="B11:D11"/>
    <mergeCell ref="B22:G22"/>
    <mergeCell ref="A30:C30"/>
    <mergeCell ref="B44:C44"/>
    <mergeCell ref="B63:C63"/>
    <mergeCell ref="B98:D98"/>
    <mergeCell ref="B99:D99"/>
    <mergeCell ref="B78:D78"/>
    <mergeCell ref="B64:E64"/>
    <mergeCell ref="B108:D108"/>
    <mergeCell ref="B73:D73"/>
    <mergeCell ref="B85:D85"/>
    <mergeCell ref="B67:E67"/>
    <mergeCell ref="B93:D93"/>
    <mergeCell ref="B84:D84"/>
    <mergeCell ref="B92:D92"/>
    <mergeCell ref="B68:E68"/>
    <mergeCell ref="B87:D8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Y146"/>
  <sheetViews>
    <sheetView zoomScaleNormal="100" zoomScalePageLayoutView="75" workbookViewId="0"/>
  </sheetViews>
  <sheetFormatPr defaultColWidth="20.28515625" defaultRowHeight="15"/>
  <cols>
    <col min="1" max="1" width="48.7109375" style="1" customWidth="1"/>
    <col min="2" max="4" width="20.28515625" style="1" customWidth="1"/>
    <col min="5" max="6" width="20.28515625" style="5" customWidth="1"/>
    <col min="7" max="16384" width="20.28515625" style="1"/>
  </cols>
  <sheetData>
    <row r="1" spans="1:8" ht="31.5">
      <c r="A1" s="33" t="s">
        <v>63</v>
      </c>
    </row>
    <row r="3" spans="1:8" ht="18.75">
      <c r="A3" s="316" t="s">
        <v>82</v>
      </c>
      <c r="B3" s="316"/>
      <c r="C3" s="316"/>
      <c r="D3" s="316"/>
      <c r="E3" s="316"/>
      <c r="F3" s="316"/>
      <c r="G3" s="316"/>
      <c r="H3" s="316"/>
    </row>
    <row r="4" spans="1:8" ht="63" customHeight="1">
      <c r="A4" s="315" t="s">
        <v>83</v>
      </c>
      <c r="B4" s="315"/>
      <c r="C4" s="315"/>
      <c r="D4" s="315"/>
      <c r="E4" s="315"/>
      <c r="F4" s="315"/>
      <c r="G4" s="315"/>
      <c r="H4" s="315"/>
    </row>
    <row r="5" spans="1:8" ht="40.5" customHeight="1">
      <c r="A5" s="322" t="s">
        <v>84</v>
      </c>
      <c r="B5" s="323"/>
      <c r="C5" s="323"/>
      <c r="D5" s="323"/>
      <c r="E5" s="323"/>
      <c r="F5" s="323"/>
      <c r="G5" s="323"/>
      <c r="H5" s="323"/>
    </row>
    <row r="6" spans="1:8" ht="45" customHeight="1">
      <c r="A6" s="37" t="s">
        <v>85</v>
      </c>
      <c r="B6" s="38" t="s">
        <v>86</v>
      </c>
      <c r="C6" s="39" t="s">
        <v>87</v>
      </c>
      <c r="D6" s="40" t="s">
        <v>88</v>
      </c>
      <c r="E6" s="38" t="s">
        <v>410</v>
      </c>
      <c r="F6" s="40" t="s">
        <v>414</v>
      </c>
      <c r="G6" s="39" t="s">
        <v>412</v>
      </c>
      <c r="H6" s="40" t="s">
        <v>414</v>
      </c>
    </row>
    <row r="7" spans="1:8" ht="60">
      <c r="A7" s="41"/>
      <c r="B7" s="42" t="s">
        <v>89</v>
      </c>
      <c r="C7" s="43" t="s">
        <v>90</v>
      </c>
      <c r="D7" s="44" t="s">
        <v>91</v>
      </c>
      <c r="E7" s="42" t="s">
        <v>411</v>
      </c>
      <c r="F7" s="91" t="s">
        <v>104</v>
      </c>
      <c r="G7" s="126" t="s">
        <v>413</v>
      </c>
      <c r="H7" s="91" t="s">
        <v>104</v>
      </c>
    </row>
    <row r="8" spans="1:8">
      <c r="A8" s="45" t="s">
        <v>436</v>
      </c>
      <c r="B8" s="46">
        <v>10765</v>
      </c>
      <c r="C8" s="47">
        <v>71.107271693621257</v>
      </c>
      <c r="D8" s="48">
        <v>0.37240000000000001</v>
      </c>
      <c r="E8" s="284">
        <v>0.21129637167984341</v>
      </c>
      <c r="F8" s="282">
        <v>7.8691150813056249E-3</v>
      </c>
      <c r="G8" s="284">
        <v>0.44223960828991737</v>
      </c>
      <c r="H8" s="282">
        <v>9.5718777259957942E-3</v>
      </c>
    </row>
    <row r="9" spans="1:8">
      <c r="A9" s="49" t="s">
        <v>437</v>
      </c>
      <c r="B9" s="50">
        <v>8628</v>
      </c>
      <c r="C9" s="51">
        <v>72.033155499690523</v>
      </c>
      <c r="D9" s="52">
        <v>0.41845088882719866</v>
      </c>
      <c r="E9" s="285">
        <v>0.18847712507970982</v>
      </c>
      <c r="F9" s="283">
        <v>8.4213478982355459E-3</v>
      </c>
      <c r="G9" s="285">
        <v>0.47128157181724678</v>
      </c>
      <c r="H9" s="283">
        <v>1.0745519058104679E-2</v>
      </c>
    </row>
    <row r="10" spans="1:8" s="5" customFormat="1">
      <c r="A10" s="53" t="s">
        <v>438</v>
      </c>
      <c r="B10" s="46">
        <v>1973</v>
      </c>
      <c r="C10" s="47">
        <v>68.900000000000006</v>
      </c>
      <c r="D10" s="48">
        <v>0.98</v>
      </c>
      <c r="E10" s="284">
        <v>0.252</v>
      </c>
      <c r="F10" s="282">
        <v>1.9541772765066311E-2</v>
      </c>
      <c r="G10" s="284">
        <v>0.37</v>
      </c>
      <c r="H10" s="282">
        <v>2.1720080486313968E-2</v>
      </c>
    </row>
    <row r="11" spans="1:8" s="5" customFormat="1">
      <c r="A11" s="49" t="s">
        <v>439</v>
      </c>
      <c r="B11" s="50">
        <v>898</v>
      </c>
      <c r="C11" s="51">
        <v>70.036341016602023</v>
      </c>
      <c r="D11" s="52">
        <v>1.3132000000000001</v>
      </c>
      <c r="E11" s="285">
        <v>0.23927911909772526</v>
      </c>
      <c r="F11" s="283">
        <v>2.8458252873767721E-2</v>
      </c>
      <c r="G11" s="285">
        <v>0.44385889665765232</v>
      </c>
      <c r="H11" s="283">
        <v>3.3087672868954192E-2</v>
      </c>
    </row>
    <row r="12" spans="1:8" s="5" customFormat="1">
      <c r="A12" s="53" t="s">
        <v>440</v>
      </c>
      <c r="B12" s="46">
        <v>713</v>
      </c>
      <c r="C12" s="47">
        <v>70.627781282798765</v>
      </c>
      <c r="D12" s="48">
        <v>1.3719999999999999</v>
      </c>
      <c r="E12" s="284">
        <v>0.223</v>
      </c>
      <c r="F12" s="282">
        <v>3.1167404524844514E-2</v>
      </c>
      <c r="G12" s="284">
        <v>0.41599999999999998</v>
      </c>
      <c r="H12" s="282">
        <v>3.6820837926420984E-2</v>
      </c>
    </row>
    <row r="13" spans="1:8" s="5" customFormat="1">
      <c r="A13" s="49" t="s">
        <v>453</v>
      </c>
      <c r="B13" s="50">
        <v>135</v>
      </c>
      <c r="C13" s="51">
        <v>76.96378875776756</v>
      </c>
      <c r="D13" s="52">
        <v>3.2731999999999997</v>
      </c>
      <c r="E13" s="285">
        <v>0.10405378766097849</v>
      </c>
      <c r="F13" s="283">
        <v>5.4209744612605491E-2</v>
      </c>
      <c r="G13" s="285">
        <v>0.64151134240786589</v>
      </c>
      <c r="H13" s="283">
        <v>8.1551590425723117E-2</v>
      </c>
    </row>
    <row r="14" spans="1:8" s="5" customFormat="1">
      <c r="A14" s="53" t="s">
        <v>441</v>
      </c>
      <c r="B14" s="46">
        <v>79</v>
      </c>
      <c r="C14" s="47">
        <v>76.173606094478416</v>
      </c>
      <c r="D14" s="48">
        <v>4.4884000000000004</v>
      </c>
      <c r="E14" s="284">
        <v>0.11623775019135497</v>
      </c>
      <c r="F14" s="282">
        <v>7.495525391359438E-2</v>
      </c>
      <c r="G14" s="284">
        <v>0.56636298134017371</v>
      </c>
      <c r="H14" s="282">
        <v>0.10888486511609212</v>
      </c>
    </row>
    <row r="15" spans="1:8" s="5" customFormat="1">
      <c r="A15" s="49" t="s">
        <v>446</v>
      </c>
      <c r="B15" s="50">
        <v>164</v>
      </c>
      <c r="C15" s="51">
        <v>67.894374911773852</v>
      </c>
      <c r="D15" s="52">
        <v>3.1556000000000002</v>
      </c>
      <c r="E15" s="285">
        <v>0.27645243239162975</v>
      </c>
      <c r="F15" s="283">
        <v>6.9415561338434267E-2</v>
      </c>
      <c r="G15" s="285">
        <v>0.40773417237293363</v>
      </c>
      <c r="H15" s="283">
        <v>7.5889576930126004E-2</v>
      </c>
    </row>
    <row r="16" spans="1:8" s="5" customFormat="1">
      <c r="A16" s="53" t="s">
        <v>447</v>
      </c>
      <c r="B16" s="46">
        <v>112</v>
      </c>
      <c r="C16" s="47">
        <v>63.65305886492331</v>
      </c>
      <c r="D16" s="48">
        <v>3.8220000000000001</v>
      </c>
      <c r="E16" s="284">
        <v>0.36018272262914952</v>
      </c>
      <c r="F16" s="282">
        <v>8.9399545273660841E-2</v>
      </c>
      <c r="G16" s="284">
        <v>0.25022783760522671</v>
      </c>
      <c r="H16" s="282">
        <v>8.1334171877632436E-2</v>
      </c>
    </row>
    <row r="17" spans="1:8" s="5" customFormat="1">
      <c r="A17" s="49" t="s">
        <v>442</v>
      </c>
      <c r="B17" s="50">
        <v>78</v>
      </c>
      <c r="C17" s="51">
        <v>63.972571136140964</v>
      </c>
      <c r="D17" s="52">
        <v>4.6059999999999999</v>
      </c>
      <c r="E17" s="285">
        <v>0.38925408596088307</v>
      </c>
      <c r="F17" s="283">
        <v>0.10795272458489111</v>
      </c>
      <c r="G17" s="285">
        <v>0.32236327920424085</v>
      </c>
      <c r="H17" s="283">
        <v>0.10393446038807565</v>
      </c>
    </row>
    <row r="18" spans="1:8" s="5" customFormat="1">
      <c r="A18" s="45" t="s">
        <v>448</v>
      </c>
      <c r="B18" s="46">
        <v>289</v>
      </c>
      <c r="C18" s="47">
        <v>73.334357524491566</v>
      </c>
      <c r="D18" s="48">
        <v>2.2147999999999999</v>
      </c>
      <c r="E18" s="284">
        <v>0.16776665125769721</v>
      </c>
      <c r="F18" s="282">
        <v>4.4124272421273453E-2</v>
      </c>
      <c r="G18" s="284">
        <v>0.49973317868784772</v>
      </c>
      <c r="H18" s="282">
        <v>5.84206156909194E-2</v>
      </c>
    </row>
    <row r="19" spans="1:8" s="5" customFormat="1" ht="25.5">
      <c r="A19" s="49" t="s">
        <v>443</v>
      </c>
      <c r="B19" s="50">
        <v>126</v>
      </c>
      <c r="C19" s="51">
        <v>74.867563563182699</v>
      </c>
      <c r="D19" s="52">
        <v>3.0575999999999999</v>
      </c>
      <c r="E19" s="285">
        <v>0.14956990513522764</v>
      </c>
      <c r="F19" s="283">
        <v>6.4364224931518693E-2</v>
      </c>
      <c r="G19" s="285">
        <v>0.55832575286627084</v>
      </c>
      <c r="H19" s="283">
        <v>8.7143424327436797E-2</v>
      </c>
    </row>
    <row r="20" spans="1:8" ht="25.5">
      <c r="A20" s="53" t="s">
        <v>444</v>
      </c>
      <c r="B20" s="46">
        <v>79</v>
      </c>
      <c r="C20" s="47">
        <v>69.119583886346334</v>
      </c>
      <c r="D20" s="48">
        <v>4.7431999999999999</v>
      </c>
      <c r="E20" s="284">
        <v>0.14163760109733745</v>
      </c>
      <c r="F20" s="282">
        <v>8.0257507504746084E-2</v>
      </c>
      <c r="G20" s="284">
        <v>0.35972151970651217</v>
      </c>
      <c r="H20" s="282">
        <v>0.10577833712560965</v>
      </c>
    </row>
    <row r="21" spans="1:8">
      <c r="A21" s="49" t="s">
        <v>445</v>
      </c>
      <c r="B21" s="50">
        <v>84</v>
      </c>
      <c r="C21" s="51">
        <v>74.281468650710821</v>
      </c>
      <c r="D21" s="52">
        <v>4.1747999999999994</v>
      </c>
      <c r="E21" s="285">
        <v>0.21211258469341027</v>
      </c>
      <c r="F21" s="283">
        <v>8.9056689711177459E-2</v>
      </c>
      <c r="G21" s="285">
        <v>0.52055582535418432</v>
      </c>
      <c r="H21" s="283">
        <v>0.10651824383399566</v>
      </c>
    </row>
    <row r="22" spans="1:8">
      <c r="A22" s="57" t="s">
        <v>449</v>
      </c>
      <c r="B22" s="46">
        <v>106</v>
      </c>
      <c r="C22" s="47">
        <v>68.061565778349589</v>
      </c>
      <c r="D22" s="48">
        <v>3.8611999999999997</v>
      </c>
      <c r="E22" s="284">
        <v>0.3072927961842602</v>
      </c>
      <c r="F22" s="282">
        <v>8.8526448617849363E-2</v>
      </c>
      <c r="G22" s="284">
        <v>0.39223989284923783</v>
      </c>
      <c r="H22" s="282">
        <v>9.3267344158159474E-2</v>
      </c>
    </row>
    <row r="23" spans="1:8">
      <c r="A23" s="49" t="s">
        <v>454</v>
      </c>
      <c r="B23" s="50">
        <v>83</v>
      </c>
      <c r="C23" s="51">
        <v>64.297102178377287</v>
      </c>
      <c r="D23" s="52">
        <v>4.7628000000000004</v>
      </c>
      <c r="E23" s="285">
        <v>0.33804556596412533</v>
      </c>
      <c r="F23" s="283">
        <v>0.10196397824727647</v>
      </c>
      <c r="G23" s="285">
        <v>0.36257773040277447</v>
      </c>
      <c r="H23" s="283">
        <v>0.10346007949075209</v>
      </c>
    </row>
    <row r="24" spans="1:8">
      <c r="A24" s="5"/>
      <c r="B24" s="5"/>
      <c r="C24" s="5"/>
      <c r="D24" s="5"/>
      <c r="G24" s="5"/>
      <c r="H24" s="5"/>
    </row>
    <row r="25" spans="1:8">
      <c r="A25" s="5"/>
      <c r="B25" s="5"/>
      <c r="C25" s="5"/>
      <c r="D25" s="5"/>
      <c r="G25" s="5"/>
      <c r="H25" s="5"/>
    </row>
    <row r="26" spans="1:8">
      <c r="A26" s="5"/>
      <c r="B26" s="5"/>
      <c r="C26" s="5"/>
      <c r="D26" s="5"/>
      <c r="G26" s="5"/>
      <c r="H26" s="5"/>
    </row>
    <row r="27" spans="1:8">
      <c r="A27" s="5"/>
      <c r="B27" s="5"/>
      <c r="C27" s="5"/>
      <c r="D27" s="5"/>
      <c r="G27" s="5"/>
      <c r="H27" s="5"/>
    </row>
    <row r="28" spans="1:8" s="5" customFormat="1"/>
    <row r="29" spans="1:8" s="5" customFormat="1"/>
    <row r="30" spans="1:8" s="5" customFormat="1"/>
    <row r="32" spans="1:8" ht="18.75">
      <c r="A32" s="316" t="s">
        <v>7</v>
      </c>
      <c r="B32" s="316"/>
      <c r="C32" s="316"/>
      <c r="D32" s="316"/>
      <c r="E32" s="316"/>
      <c r="F32" s="316"/>
      <c r="G32" s="316"/>
      <c r="H32" s="316"/>
    </row>
    <row r="33" spans="1:8" ht="115.5" customHeight="1">
      <c r="A33" s="317" t="s">
        <v>290</v>
      </c>
      <c r="B33" s="317"/>
      <c r="C33" s="317"/>
      <c r="D33" s="317"/>
      <c r="E33" s="317"/>
      <c r="F33" s="317"/>
      <c r="G33" s="317"/>
      <c r="H33" s="317"/>
    </row>
    <row r="34" spans="1:8" ht="36.75" customHeight="1">
      <c r="A34" s="322" t="s">
        <v>92</v>
      </c>
      <c r="B34" s="323"/>
      <c r="C34" s="323"/>
      <c r="D34" s="323"/>
      <c r="E34" s="323"/>
      <c r="F34" s="323"/>
      <c r="G34" s="323"/>
      <c r="H34" s="323"/>
    </row>
    <row r="35" spans="1:8" ht="45" customHeight="1">
      <c r="A35" s="37" t="s">
        <v>85</v>
      </c>
      <c r="B35" s="38" t="s">
        <v>86</v>
      </c>
      <c r="C35" s="39" t="s">
        <v>87</v>
      </c>
      <c r="D35" s="40" t="s">
        <v>88</v>
      </c>
      <c r="E35" s="38" t="s">
        <v>410</v>
      </c>
      <c r="F35" s="40" t="s">
        <v>414</v>
      </c>
      <c r="G35" s="39" t="s">
        <v>412</v>
      </c>
      <c r="H35" s="40" t="s">
        <v>414</v>
      </c>
    </row>
    <row r="36" spans="1:8" ht="87" customHeight="1">
      <c r="A36" s="41"/>
      <c r="B36" s="42" t="s">
        <v>89</v>
      </c>
      <c r="C36" s="43" t="s">
        <v>90</v>
      </c>
      <c r="D36" s="44" t="s">
        <v>91</v>
      </c>
      <c r="E36" s="42" t="s">
        <v>411</v>
      </c>
      <c r="F36" s="91" t="s">
        <v>104</v>
      </c>
      <c r="G36" s="126" t="s">
        <v>413</v>
      </c>
      <c r="H36" s="91" t="s">
        <v>104</v>
      </c>
    </row>
    <row r="37" spans="1:8">
      <c r="A37" s="45" t="s">
        <v>436</v>
      </c>
      <c r="B37" s="58">
        <v>10728</v>
      </c>
      <c r="C37" s="59">
        <v>69.8</v>
      </c>
      <c r="D37" s="60">
        <v>0.3332</v>
      </c>
      <c r="E37" s="286">
        <v>0.26500000000000001</v>
      </c>
      <c r="F37" s="287">
        <v>8.5212273349339705E-3</v>
      </c>
      <c r="G37" s="286">
        <v>0.32600000000000001</v>
      </c>
      <c r="H37" s="287">
        <v>9.0500444183065909E-3</v>
      </c>
    </row>
    <row r="38" spans="1:8" s="5" customFormat="1">
      <c r="A38" s="49" t="s">
        <v>437</v>
      </c>
      <c r="B38" s="61">
        <v>8596</v>
      </c>
      <c r="C38" s="62">
        <v>71.347129350525535</v>
      </c>
      <c r="D38" s="63">
        <v>0.37445591310394172</v>
      </c>
      <c r="E38" s="288">
        <v>0.23599999999999999</v>
      </c>
      <c r="F38" s="289">
        <v>9.1592834697616834E-3</v>
      </c>
      <c r="G38" s="288">
        <v>0.36099999999999999</v>
      </c>
      <c r="H38" s="289">
        <v>1.0358615532065801E-2</v>
      </c>
    </row>
    <row r="39" spans="1:8" s="5" customFormat="1">
      <c r="A39" s="53" t="s">
        <v>438</v>
      </c>
      <c r="B39" s="54">
        <v>1962</v>
      </c>
      <c r="C39" s="55">
        <v>66.88</v>
      </c>
      <c r="D39" s="56">
        <v>0.82319999999999993</v>
      </c>
      <c r="E39" s="290">
        <v>0.33</v>
      </c>
      <c r="F39" s="287">
        <v>2.1215240474457296E-2</v>
      </c>
      <c r="G39" s="290">
        <v>0.26500000000000001</v>
      </c>
      <c r="H39" s="287">
        <v>1.9918424257417147E-2</v>
      </c>
    </row>
    <row r="40" spans="1:8" s="5" customFormat="1">
      <c r="A40" s="49" t="s">
        <v>439</v>
      </c>
      <c r="B40" s="61">
        <v>894</v>
      </c>
      <c r="C40" s="62">
        <v>69.900000000000006</v>
      </c>
      <c r="D40" s="63">
        <v>1.1759999999999999</v>
      </c>
      <c r="E40" s="288">
        <v>0.27147115457724674</v>
      </c>
      <c r="F40" s="289">
        <v>2.971571244404601E-2</v>
      </c>
      <c r="G40" s="288">
        <v>0.33189969230316707</v>
      </c>
      <c r="H40" s="289">
        <v>3.1445747460105103E-2</v>
      </c>
    </row>
    <row r="41" spans="1:8" s="5" customFormat="1">
      <c r="A41" s="53" t="s">
        <v>440</v>
      </c>
      <c r="B41" s="54">
        <v>710</v>
      </c>
      <c r="C41" s="55">
        <v>71.62</v>
      </c>
      <c r="D41" s="56">
        <v>1.274</v>
      </c>
      <c r="E41" s="290">
        <v>0.218</v>
      </c>
      <c r="F41" s="287">
        <v>3.0984276245544517E-2</v>
      </c>
      <c r="G41" s="290">
        <v>0.33700000000000002</v>
      </c>
      <c r="H41" s="287">
        <v>3.5403069863722499E-2</v>
      </c>
    </row>
    <row r="42" spans="1:8" s="5" customFormat="1">
      <c r="A42" s="49" t="s">
        <v>453</v>
      </c>
      <c r="B42" s="61">
        <v>135</v>
      </c>
      <c r="C42" s="62">
        <v>75.2</v>
      </c>
      <c r="D42" s="63">
        <v>2.9988000000000001</v>
      </c>
      <c r="E42" s="288">
        <v>0.17715467369651983</v>
      </c>
      <c r="F42" s="289">
        <v>6.6068065849314836E-2</v>
      </c>
      <c r="G42" s="288">
        <v>0.46207132232638942</v>
      </c>
      <c r="H42" s="289">
        <v>8.4588384721041104E-2</v>
      </c>
    </row>
    <row r="43" spans="1:8" s="5" customFormat="1">
      <c r="A43" s="53" t="s">
        <v>441</v>
      </c>
      <c r="B43" s="54">
        <v>79</v>
      </c>
      <c r="C43" s="55">
        <v>73.900000000000006</v>
      </c>
      <c r="D43" s="56">
        <v>4.1747999999999994</v>
      </c>
      <c r="E43" s="290">
        <v>0.20596049833880983</v>
      </c>
      <c r="F43" s="287">
        <v>9.0958321128946251E-2</v>
      </c>
      <c r="G43" s="290">
        <v>0.4398225034429572</v>
      </c>
      <c r="H43" s="287">
        <v>0.10904167483862157</v>
      </c>
    </row>
    <row r="44" spans="1:8" s="5" customFormat="1">
      <c r="A44" s="49" t="s">
        <v>446</v>
      </c>
      <c r="B44" s="61">
        <v>163</v>
      </c>
      <c r="C44" s="62">
        <v>65.099999999999994</v>
      </c>
      <c r="D44" s="63">
        <v>3.0575999999999999</v>
      </c>
      <c r="E44" s="288">
        <v>0.38010898961608902</v>
      </c>
      <c r="F44" s="289">
        <v>7.5233205049817453E-2</v>
      </c>
      <c r="G44" s="288">
        <v>0.26593748914345261</v>
      </c>
      <c r="H44" s="289">
        <v>6.8832479816633402E-2</v>
      </c>
    </row>
    <row r="45" spans="1:8" s="5" customFormat="1">
      <c r="A45" s="53" t="s">
        <v>447</v>
      </c>
      <c r="B45" s="54">
        <v>112</v>
      </c>
      <c r="C45" s="55">
        <v>68.400000000000006</v>
      </c>
      <c r="D45" s="56">
        <v>3.4887999999999999</v>
      </c>
      <c r="E45" s="290">
        <v>0.25112397885184817</v>
      </c>
      <c r="F45" s="287">
        <v>8.1422429894307924E-2</v>
      </c>
      <c r="G45" s="290">
        <v>0.24669703287151928</v>
      </c>
      <c r="H45" s="287">
        <v>8.0982396235009441E-2</v>
      </c>
    </row>
    <row r="46" spans="1:8" s="5" customFormat="1">
      <c r="A46" s="49" t="s">
        <v>442</v>
      </c>
      <c r="B46" s="61">
        <v>78</v>
      </c>
      <c r="C46" s="62">
        <v>65.900000000000006</v>
      </c>
      <c r="D46" s="63">
        <v>3.9395999999999995</v>
      </c>
      <c r="E46" s="288">
        <v>0.32522332760301081</v>
      </c>
      <c r="F46" s="289">
        <v>0.10414825532686317</v>
      </c>
      <c r="G46" s="288">
        <v>0.20455692160787275</v>
      </c>
      <c r="H46" s="289">
        <v>9.1337341193490046E-2</v>
      </c>
    </row>
    <row r="47" spans="1:8" s="5" customFormat="1">
      <c r="A47" s="45" t="s">
        <v>448</v>
      </c>
      <c r="B47" s="58">
        <v>286</v>
      </c>
      <c r="C47" s="59">
        <v>72.099999999999994</v>
      </c>
      <c r="D47" s="60">
        <v>1.8815999999999999</v>
      </c>
      <c r="E47" s="286">
        <v>0.21706067350669506</v>
      </c>
      <c r="F47" s="287">
        <v>4.8727038678163671E-2</v>
      </c>
      <c r="G47" s="286">
        <v>0.36249117074242782</v>
      </c>
      <c r="H47" s="287">
        <v>5.6520895521212006E-2</v>
      </c>
    </row>
    <row r="48" spans="1:8" ht="25.5">
      <c r="A48" s="49" t="s">
        <v>443</v>
      </c>
      <c r="B48" s="61">
        <v>125</v>
      </c>
      <c r="C48" s="62">
        <v>75.3</v>
      </c>
      <c r="D48" s="63">
        <v>2.5284</v>
      </c>
      <c r="E48" s="288">
        <v>0.1226258889136774</v>
      </c>
      <c r="F48" s="289">
        <v>6.0047412325094807E-2</v>
      </c>
      <c r="G48" s="288">
        <v>0.40662009230004698</v>
      </c>
      <c r="H48" s="289">
        <v>8.6591363614452369E-2</v>
      </c>
    </row>
    <row r="49" spans="1:50" ht="25.5">
      <c r="A49" s="53" t="s">
        <v>444</v>
      </c>
      <c r="B49" s="54">
        <v>80</v>
      </c>
      <c r="C49" s="55">
        <v>66.3</v>
      </c>
      <c r="D49" s="56">
        <v>3.6456</v>
      </c>
      <c r="E49" s="290">
        <v>0.37253249672683475</v>
      </c>
      <c r="F49" s="287">
        <v>0.10584413908076246</v>
      </c>
      <c r="G49" s="290">
        <v>0.311279933363241</v>
      </c>
      <c r="H49" s="287">
        <v>0.1018158716404142</v>
      </c>
    </row>
    <row r="50" spans="1:50">
      <c r="A50" s="49" t="s">
        <v>445</v>
      </c>
      <c r="B50" s="61">
        <v>81</v>
      </c>
      <c r="C50" s="62">
        <v>72</v>
      </c>
      <c r="D50" s="63">
        <v>4.0376000000000003</v>
      </c>
      <c r="E50" s="288">
        <v>0.23140978044617735</v>
      </c>
      <c r="F50" s="289">
        <v>9.3176429613487641E-2</v>
      </c>
      <c r="G50" s="288">
        <v>0.33958135951732771</v>
      </c>
      <c r="H50" s="289">
        <v>0.10327140881302153</v>
      </c>
    </row>
    <row r="51" spans="1:50">
      <c r="A51" s="57" t="s">
        <v>449</v>
      </c>
      <c r="B51" s="58">
        <v>106</v>
      </c>
      <c r="C51" s="59">
        <v>68.7</v>
      </c>
      <c r="D51" s="60">
        <v>3.2535999999999996</v>
      </c>
      <c r="E51" s="286">
        <v>0.29104677089445663</v>
      </c>
      <c r="F51" s="287">
        <v>8.7273070347964998E-2</v>
      </c>
      <c r="G51" s="286">
        <v>0.30347135562764355</v>
      </c>
      <c r="H51" s="287">
        <v>8.8242311421571115E-2</v>
      </c>
    </row>
    <row r="52" spans="1:50">
      <c r="A52" s="49" t="s">
        <v>454</v>
      </c>
      <c r="B52" s="61">
        <v>83</v>
      </c>
      <c r="C52" s="62">
        <v>71.400000000000006</v>
      </c>
      <c r="D52" s="63">
        <v>3.8807999999999998</v>
      </c>
      <c r="E52" s="288">
        <v>0.32001577782843937</v>
      </c>
      <c r="F52" s="289">
        <v>0.10069094400487322</v>
      </c>
      <c r="G52" s="288">
        <v>0.37374057519314163</v>
      </c>
      <c r="H52" s="289">
        <v>0.10405364200573193</v>
      </c>
    </row>
    <row r="53" spans="1:50">
      <c r="A53" s="5"/>
      <c r="B53" s="5"/>
      <c r="C53" s="5"/>
      <c r="D53" s="5"/>
      <c r="G53" s="5"/>
      <c r="H53" s="5"/>
    </row>
    <row r="54" spans="1:50">
      <c r="A54" s="5"/>
      <c r="B54" s="5"/>
      <c r="C54" s="5"/>
      <c r="D54" s="5"/>
      <c r="G54" s="5"/>
      <c r="H54" s="5"/>
    </row>
    <row r="55" spans="1:50">
      <c r="A55" s="5"/>
      <c r="B55" s="5"/>
      <c r="C55" s="5"/>
      <c r="D55" s="5"/>
      <c r="G55" s="5"/>
      <c r="H55" s="5"/>
    </row>
    <row r="56" spans="1:50">
      <c r="A56" s="5"/>
      <c r="B56" s="5"/>
      <c r="C56" s="5"/>
      <c r="D56" s="5"/>
      <c r="G56" s="5"/>
      <c r="H56" s="5"/>
    </row>
    <row r="57" spans="1:50">
      <c r="A57" s="5"/>
      <c r="B57" s="5"/>
      <c r="C57" s="5"/>
      <c r="D57" s="5"/>
      <c r="G57" s="5"/>
      <c r="H57" s="5"/>
    </row>
    <row r="58" spans="1:50">
      <c r="A58" s="5"/>
      <c r="B58" s="5"/>
      <c r="C58" s="5"/>
      <c r="D58" s="5"/>
      <c r="G58" s="5"/>
      <c r="H58" s="5"/>
    </row>
    <row r="59" spans="1:50" s="5" customFormat="1"/>
    <row r="61" spans="1:50" ht="18.75">
      <c r="A61" s="316" t="s">
        <v>32</v>
      </c>
      <c r="B61" s="316"/>
      <c r="C61" s="316"/>
      <c r="D61" s="316"/>
      <c r="E61" s="316"/>
      <c r="F61" s="316"/>
      <c r="G61" s="316"/>
      <c r="H61" s="316"/>
      <c r="I61" s="316"/>
      <c r="J61" s="316"/>
      <c r="K61" s="316"/>
      <c r="L61" s="316"/>
      <c r="M61" s="316"/>
      <c r="N61" s="316"/>
      <c r="O61" s="316"/>
      <c r="P61" s="316"/>
      <c r="Q61" s="316"/>
      <c r="R61" s="316"/>
      <c r="S61" s="316"/>
      <c r="T61" s="316"/>
      <c r="U61" s="316"/>
      <c r="V61" s="316"/>
      <c r="W61" s="316"/>
      <c r="X61" s="316"/>
      <c r="Y61" s="316"/>
      <c r="Z61" s="316"/>
      <c r="AA61" s="316"/>
      <c r="AB61" s="316"/>
      <c r="AC61" s="316"/>
      <c r="AD61" s="316"/>
      <c r="AE61" s="316"/>
      <c r="AF61" s="316"/>
      <c r="AG61" s="316"/>
      <c r="AH61" s="316"/>
      <c r="AI61" s="316"/>
      <c r="AJ61" s="316"/>
      <c r="AK61" s="316"/>
      <c r="AL61" s="316"/>
      <c r="AM61" s="316"/>
      <c r="AN61" s="316"/>
      <c r="AO61" s="316"/>
      <c r="AP61" s="316"/>
      <c r="AQ61" s="316"/>
      <c r="AR61" s="316"/>
      <c r="AS61" s="316"/>
      <c r="AT61" s="316"/>
      <c r="AU61" s="316"/>
      <c r="AV61" s="316"/>
      <c r="AW61" s="316"/>
      <c r="AX61" s="316"/>
    </row>
    <row r="62" spans="1:50" ht="70.5" customHeight="1">
      <c r="A62" s="318" t="s">
        <v>93</v>
      </c>
      <c r="B62" s="318"/>
      <c r="C62" s="318"/>
      <c r="D62" s="318"/>
      <c r="E62" s="318"/>
      <c r="F62" s="318"/>
      <c r="G62" s="318"/>
      <c r="H62" s="318"/>
      <c r="I62" s="318"/>
      <c r="J62" s="318"/>
      <c r="K62" s="318"/>
      <c r="L62" s="318"/>
      <c r="M62" s="318"/>
      <c r="N62" s="318"/>
      <c r="O62" s="318"/>
      <c r="P62" s="318"/>
      <c r="Q62" s="318"/>
      <c r="R62" s="318"/>
      <c r="S62" s="318"/>
      <c r="T62" s="318"/>
      <c r="U62" s="318"/>
      <c r="V62" s="318"/>
      <c r="W62" s="318"/>
      <c r="X62" s="318"/>
      <c r="Y62" s="318"/>
      <c r="Z62" s="318"/>
      <c r="AA62" s="318"/>
      <c r="AB62" s="318"/>
      <c r="AC62" s="318"/>
      <c r="AD62" s="318"/>
      <c r="AE62" s="318"/>
      <c r="AF62" s="318"/>
      <c r="AG62" s="318"/>
      <c r="AH62" s="318"/>
      <c r="AI62" s="318"/>
      <c r="AJ62" s="318"/>
      <c r="AK62" s="318"/>
      <c r="AL62" s="318"/>
      <c r="AM62" s="318"/>
      <c r="AN62" s="318"/>
      <c r="AO62" s="318"/>
      <c r="AP62" s="318"/>
      <c r="AQ62" s="318"/>
      <c r="AR62" s="318"/>
      <c r="AS62" s="318"/>
      <c r="AT62" s="318"/>
      <c r="AU62" s="318"/>
      <c r="AV62" s="318"/>
      <c r="AW62" s="318"/>
      <c r="AX62" s="318"/>
    </row>
    <row r="63" spans="1:50" ht="32.25" customHeight="1">
      <c r="A63" s="64" t="s">
        <v>94</v>
      </c>
      <c r="B63" s="312" t="s">
        <v>95</v>
      </c>
      <c r="C63" s="313"/>
      <c r="D63" s="313"/>
      <c r="E63" s="313"/>
      <c r="F63" s="313"/>
      <c r="G63" s="313"/>
      <c r="H63" s="314"/>
      <c r="I63" s="312" t="s">
        <v>416</v>
      </c>
      <c r="J63" s="313"/>
      <c r="K63" s="313"/>
      <c r="L63" s="313"/>
      <c r="M63" s="313"/>
      <c r="N63" s="313"/>
      <c r="O63" s="314"/>
      <c r="P63" s="312" t="s">
        <v>417</v>
      </c>
      <c r="Q63" s="313"/>
      <c r="R63" s="313"/>
      <c r="S63" s="313"/>
      <c r="T63" s="313"/>
      <c r="U63" s="313"/>
      <c r="V63" s="314"/>
      <c r="W63" s="312" t="s">
        <v>96</v>
      </c>
      <c r="X63" s="313"/>
      <c r="Y63" s="313"/>
      <c r="Z63" s="313"/>
      <c r="AA63" s="313"/>
      <c r="AB63" s="313"/>
      <c r="AC63" s="314"/>
      <c r="AD63" s="312" t="s">
        <v>97</v>
      </c>
      <c r="AE63" s="313"/>
      <c r="AF63" s="313"/>
      <c r="AG63" s="313"/>
      <c r="AH63" s="313"/>
      <c r="AI63" s="313"/>
      <c r="AJ63" s="314"/>
      <c r="AK63" s="312" t="s">
        <v>98</v>
      </c>
      <c r="AL63" s="313"/>
      <c r="AM63" s="313"/>
      <c r="AN63" s="313"/>
      <c r="AO63" s="313"/>
      <c r="AP63" s="313"/>
      <c r="AQ63" s="314"/>
      <c r="AR63" s="312" t="s">
        <v>99</v>
      </c>
      <c r="AS63" s="313"/>
      <c r="AT63" s="313"/>
      <c r="AU63" s="313"/>
      <c r="AV63" s="313"/>
      <c r="AW63" s="313"/>
      <c r="AX63" s="314"/>
    </row>
    <row r="64" spans="1:50" ht="43.5" customHeight="1">
      <c r="A64" s="37" t="s">
        <v>85</v>
      </c>
      <c r="B64" s="38" t="s">
        <v>86</v>
      </c>
      <c r="C64" s="39" t="s">
        <v>87</v>
      </c>
      <c r="D64" s="40" t="s">
        <v>88</v>
      </c>
      <c r="E64" s="39" t="s">
        <v>410</v>
      </c>
      <c r="F64" s="40" t="s">
        <v>414</v>
      </c>
      <c r="G64" s="39" t="s">
        <v>412</v>
      </c>
      <c r="H64" s="40" t="s">
        <v>415</v>
      </c>
      <c r="I64" s="65" t="s">
        <v>86</v>
      </c>
      <c r="J64" s="66" t="s">
        <v>87</v>
      </c>
      <c r="K64" s="67" t="s">
        <v>88</v>
      </c>
      <c r="L64" s="66" t="s">
        <v>410</v>
      </c>
      <c r="M64" s="67" t="s">
        <v>414</v>
      </c>
      <c r="N64" s="66" t="s">
        <v>412</v>
      </c>
      <c r="O64" s="67" t="s">
        <v>415</v>
      </c>
      <c r="P64" s="38" t="s">
        <v>86</v>
      </c>
      <c r="Q64" s="39" t="s">
        <v>87</v>
      </c>
      <c r="R64" s="40" t="s">
        <v>88</v>
      </c>
      <c r="S64" s="39" t="s">
        <v>410</v>
      </c>
      <c r="T64" s="40" t="s">
        <v>414</v>
      </c>
      <c r="U64" s="39" t="s">
        <v>412</v>
      </c>
      <c r="V64" s="40" t="s">
        <v>415</v>
      </c>
      <c r="W64" s="65" t="s">
        <v>86</v>
      </c>
      <c r="X64" s="66" t="s">
        <v>87</v>
      </c>
      <c r="Y64" s="67" t="s">
        <v>88</v>
      </c>
      <c r="Z64" s="66" t="s">
        <v>410</v>
      </c>
      <c r="AA64" s="67" t="s">
        <v>414</v>
      </c>
      <c r="AB64" s="66" t="s">
        <v>412</v>
      </c>
      <c r="AC64" s="67" t="s">
        <v>415</v>
      </c>
      <c r="AD64" s="38" t="s">
        <v>86</v>
      </c>
      <c r="AE64" s="39" t="s">
        <v>87</v>
      </c>
      <c r="AF64" s="40" t="s">
        <v>88</v>
      </c>
      <c r="AG64" s="39" t="s">
        <v>410</v>
      </c>
      <c r="AH64" s="40" t="s">
        <v>414</v>
      </c>
      <c r="AI64" s="39" t="s">
        <v>412</v>
      </c>
      <c r="AJ64" s="40" t="s">
        <v>415</v>
      </c>
      <c r="AK64" s="65" t="s">
        <v>86</v>
      </c>
      <c r="AL64" s="66" t="s">
        <v>87</v>
      </c>
      <c r="AM64" s="67" t="s">
        <v>88</v>
      </c>
      <c r="AN64" s="66" t="s">
        <v>410</v>
      </c>
      <c r="AO64" s="67" t="s">
        <v>414</v>
      </c>
      <c r="AP64" s="66" t="s">
        <v>412</v>
      </c>
      <c r="AQ64" s="67" t="s">
        <v>415</v>
      </c>
      <c r="AR64" s="38" t="s">
        <v>86</v>
      </c>
      <c r="AS64" s="39" t="s">
        <v>87</v>
      </c>
      <c r="AT64" s="40" t="s">
        <v>88</v>
      </c>
      <c r="AU64" s="39" t="s">
        <v>410</v>
      </c>
      <c r="AV64" s="40" t="s">
        <v>414</v>
      </c>
      <c r="AW64" s="39" t="s">
        <v>412</v>
      </c>
      <c r="AX64" s="40" t="s">
        <v>415</v>
      </c>
    </row>
    <row r="65" spans="1:50" ht="90" customHeight="1">
      <c r="A65" s="41"/>
      <c r="B65" s="42" t="s">
        <v>89</v>
      </c>
      <c r="C65" s="43" t="s">
        <v>90</v>
      </c>
      <c r="D65" s="44" t="s">
        <v>91</v>
      </c>
      <c r="E65" s="43" t="s">
        <v>411</v>
      </c>
      <c r="F65" s="91" t="s">
        <v>104</v>
      </c>
      <c r="G65" s="43" t="s">
        <v>413</v>
      </c>
      <c r="H65" s="91" t="s">
        <v>104</v>
      </c>
      <c r="I65" s="68" t="s">
        <v>89</v>
      </c>
      <c r="J65" s="69" t="s">
        <v>90</v>
      </c>
      <c r="K65" s="70" t="s">
        <v>91</v>
      </c>
      <c r="L65" s="69" t="s">
        <v>411</v>
      </c>
      <c r="M65" s="70" t="s">
        <v>91</v>
      </c>
      <c r="N65" s="69" t="s">
        <v>413</v>
      </c>
      <c r="O65" s="70" t="s">
        <v>104</v>
      </c>
      <c r="P65" s="42" t="s">
        <v>89</v>
      </c>
      <c r="Q65" s="43" t="s">
        <v>90</v>
      </c>
      <c r="R65" s="44" t="s">
        <v>91</v>
      </c>
      <c r="S65" s="43" t="s">
        <v>411</v>
      </c>
      <c r="T65" s="44" t="s">
        <v>104</v>
      </c>
      <c r="U65" s="43" t="s">
        <v>413</v>
      </c>
      <c r="V65" s="44" t="s">
        <v>104</v>
      </c>
      <c r="W65" s="68" t="s">
        <v>89</v>
      </c>
      <c r="X65" s="69" t="s">
        <v>90</v>
      </c>
      <c r="Y65" s="70" t="s">
        <v>91</v>
      </c>
      <c r="Z65" s="69" t="s">
        <v>411</v>
      </c>
      <c r="AA65" s="70" t="s">
        <v>104</v>
      </c>
      <c r="AB65" s="69" t="s">
        <v>413</v>
      </c>
      <c r="AC65" s="70" t="s">
        <v>104</v>
      </c>
      <c r="AD65" s="42" t="s">
        <v>89</v>
      </c>
      <c r="AE65" s="43" t="s">
        <v>90</v>
      </c>
      <c r="AF65" s="44" t="s">
        <v>91</v>
      </c>
      <c r="AG65" s="43" t="s">
        <v>411</v>
      </c>
      <c r="AH65" s="44" t="s">
        <v>104</v>
      </c>
      <c r="AI65" s="43" t="s">
        <v>413</v>
      </c>
      <c r="AJ65" s="44" t="s">
        <v>104</v>
      </c>
      <c r="AK65" s="68" t="s">
        <v>89</v>
      </c>
      <c r="AL65" s="69" t="s">
        <v>90</v>
      </c>
      <c r="AM65" s="70" t="s">
        <v>91</v>
      </c>
      <c r="AN65" s="69" t="s">
        <v>411</v>
      </c>
      <c r="AO65" s="70" t="s">
        <v>104</v>
      </c>
      <c r="AP65" s="69" t="s">
        <v>413</v>
      </c>
      <c r="AQ65" s="70" t="s">
        <v>104</v>
      </c>
      <c r="AR65" s="42" t="s">
        <v>89</v>
      </c>
      <c r="AS65" s="43" t="s">
        <v>90</v>
      </c>
      <c r="AT65" s="44" t="s">
        <v>91</v>
      </c>
      <c r="AU65" s="43" t="s">
        <v>411</v>
      </c>
      <c r="AV65" s="44" t="s">
        <v>104</v>
      </c>
      <c r="AW65" s="43" t="s">
        <v>413</v>
      </c>
      <c r="AX65" s="44" t="s">
        <v>104</v>
      </c>
    </row>
    <row r="66" spans="1:50">
      <c r="A66" s="45" t="s">
        <v>436</v>
      </c>
      <c r="B66" s="71">
        <v>10766</v>
      </c>
      <c r="C66" s="72">
        <v>73.135428260761017</v>
      </c>
      <c r="D66" s="73">
        <v>0.37240000000000001</v>
      </c>
      <c r="E66" s="291">
        <v>0.20522505740697988</v>
      </c>
      <c r="F66" s="292">
        <v>7.7847615631944592E-3</v>
      </c>
      <c r="G66" s="293">
        <v>0.48888295947074295</v>
      </c>
      <c r="H66" s="292">
        <v>9.6335166845829701E-3</v>
      </c>
      <c r="I66" s="71">
        <v>10748</v>
      </c>
      <c r="J66" s="72">
        <v>67.244438009910041</v>
      </c>
      <c r="K66" s="73">
        <v>0.43119999999999997</v>
      </c>
      <c r="L66" s="291">
        <v>0.29288641574317659</v>
      </c>
      <c r="M66" s="292">
        <v>8.7783527455123182E-3</v>
      </c>
      <c r="N66" s="293">
        <v>0.37098466872147023</v>
      </c>
      <c r="O66" s="292">
        <v>9.317630550416553E-3</v>
      </c>
      <c r="P66" s="71">
        <v>10706</v>
      </c>
      <c r="Q66" s="72">
        <v>66.708067282196211</v>
      </c>
      <c r="R66" s="73">
        <v>0.43119999999999997</v>
      </c>
      <c r="S66" s="291">
        <v>0.30939327802456323</v>
      </c>
      <c r="T66" s="292">
        <v>8.9337474383294809E-3</v>
      </c>
      <c r="U66" s="293">
        <v>0.37713076216647812</v>
      </c>
      <c r="V66" s="292">
        <v>9.3667753238603733E-3</v>
      </c>
      <c r="W66" s="71">
        <v>10727</v>
      </c>
      <c r="X66" s="72">
        <v>72.249166577051611</v>
      </c>
      <c r="Y66" s="73">
        <v>0.45080000000000003</v>
      </c>
      <c r="Z66" s="291">
        <v>0.24613325917532536</v>
      </c>
      <c r="AA66" s="292">
        <v>8.3176099636993687E-3</v>
      </c>
      <c r="AB66" s="293">
        <v>0.50729486023454118</v>
      </c>
      <c r="AC66" s="292">
        <v>9.652364421046453E-3</v>
      </c>
      <c r="AD66" s="71">
        <v>10744</v>
      </c>
      <c r="AE66" s="72">
        <v>76.90012075999887</v>
      </c>
      <c r="AF66" s="73">
        <v>0.39200000000000002</v>
      </c>
      <c r="AG66" s="291">
        <v>0.17387008807585744</v>
      </c>
      <c r="AH66" s="292">
        <v>7.3134517920980168E-3</v>
      </c>
      <c r="AI66" s="293">
        <v>0.58217472179114405</v>
      </c>
      <c r="AJ66" s="292">
        <v>9.5146908201943509E-3</v>
      </c>
      <c r="AK66" s="71">
        <v>10731</v>
      </c>
      <c r="AL66" s="72">
        <v>66.261620619360528</v>
      </c>
      <c r="AM66" s="73">
        <v>0.47039999999999998</v>
      </c>
      <c r="AN66" s="291">
        <v>0.33457951537585506</v>
      </c>
      <c r="AO66" s="292">
        <v>9.1084947689733711E-3</v>
      </c>
      <c r="AP66" s="293">
        <v>0.37200657019711392</v>
      </c>
      <c r="AQ66" s="292">
        <v>9.3302476626240857E-3</v>
      </c>
      <c r="AR66" s="71">
        <v>10727</v>
      </c>
      <c r="AS66" s="72">
        <v>65.772635405535141</v>
      </c>
      <c r="AT66" s="73">
        <v>0.47039999999999998</v>
      </c>
      <c r="AU66" s="291">
        <v>0.34369699703039691</v>
      </c>
      <c r="AV66" s="292">
        <v>9.1699610686267127E-3</v>
      </c>
      <c r="AW66" s="293">
        <v>0.38301445633193187</v>
      </c>
      <c r="AX66" s="292">
        <v>9.3856498650825883E-3</v>
      </c>
    </row>
    <row r="67" spans="1:50" s="5" customFormat="1">
      <c r="A67" s="49" t="s">
        <v>437</v>
      </c>
      <c r="B67" s="74">
        <v>8631</v>
      </c>
      <c r="C67" s="75">
        <v>74.7</v>
      </c>
      <c r="D67" s="76">
        <v>0.86009789626306943</v>
      </c>
      <c r="E67" s="294">
        <v>0.17586983603405243</v>
      </c>
      <c r="F67" s="295">
        <v>8.1966832363148008E-3</v>
      </c>
      <c r="G67" s="296">
        <v>0.53085617451249889</v>
      </c>
      <c r="H67" s="295">
        <v>1.0740908888076038E-2</v>
      </c>
      <c r="I67" s="74">
        <v>8613</v>
      </c>
      <c r="J67" s="75">
        <v>67.3</v>
      </c>
      <c r="K67" s="76">
        <v>0.48193448647016601</v>
      </c>
      <c r="L67" s="294">
        <v>0.29217886064190407</v>
      </c>
      <c r="M67" s="295">
        <v>9.7989647790480815E-3</v>
      </c>
      <c r="N67" s="296">
        <v>0.38767625270226186</v>
      </c>
      <c r="O67" s="295">
        <v>1.0497546618219396E-2</v>
      </c>
      <c r="P67" s="74">
        <v>8573</v>
      </c>
      <c r="Q67" s="75">
        <v>68.2</v>
      </c>
      <c r="R67" s="76">
        <v>0.49818328050476535</v>
      </c>
      <c r="S67" s="294">
        <v>0.28572427394142869</v>
      </c>
      <c r="T67" s="295">
        <v>9.7569562106019202E-3</v>
      </c>
      <c r="U67" s="296">
        <v>0.41204099339409267</v>
      </c>
      <c r="V67" s="295">
        <v>1.0629491615611822E-2</v>
      </c>
      <c r="W67" s="74">
        <v>8597</v>
      </c>
      <c r="X67" s="75">
        <v>73.900000000000006</v>
      </c>
      <c r="Y67" s="76">
        <v>0.53157993772949064</v>
      </c>
      <c r="Z67" s="294">
        <v>0.22784727349514175</v>
      </c>
      <c r="AA67" s="295">
        <v>9.0471968192979112E-3</v>
      </c>
      <c r="AB67" s="296">
        <v>0.54810613424163757</v>
      </c>
      <c r="AC67" s="295">
        <v>1.0732674611188835E-2</v>
      </c>
      <c r="AD67" s="74">
        <v>8608</v>
      </c>
      <c r="AE67" s="75">
        <v>79.900000000000006</v>
      </c>
      <c r="AF67" s="76">
        <v>0.41785688438405927</v>
      </c>
      <c r="AG67" s="294">
        <v>0.13214380541779616</v>
      </c>
      <c r="AH67" s="295">
        <v>7.3023576826835492E-3</v>
      </c>
      <c r="AI67" s="296">
        <v>0.65143159250061433</v>
      </c>
      <c r="AJ67" s="295">
        <v>1.0270149607307251E-2</v>
      </c>
      <c r="AK67" s="74">
        <v>8599</v>
      </c>
      <c r="AL67" s="75">
        <v>67.904732219742087</v>
      </c>
      <c r="AM67" s="76">
        <v>0.52990660255985966</v>
      </c>
      <c r="AN67" s="294">
        <v>0.30692797835391811</v>
      </c>
      <c r="AO67" s="295">
        <v>9.9459857142682826E-3</v>
      </c>
      <c r="AP67" s="296">
        <v>0.4177179721608541</v>
      </c>
      <c r="AQ67" s="295">
        <v>1.0634545333156572E-2</v>
      </c>
      <c r="AR67" s="74">
        <v>8596</v>
      </c>
      <c r="AS67" s="75">
        <v>66.794773861409993</v>
      </c>
      <c r="AT67" s="76">
        <v>0.55093223520780721</v>
      </c>
      <c r="AU67" s="294">
        <v>0.33223827389589</v>
      </c>
      <c r="AV67" s="295">
        <v>1.0158789930415715E-2</v>
      </c>
      <c r="AW67" s="296">
        <v>0.42084903614586078</v>
      </c>
      <c r="AX67" s="295">
        <v>1.0647435576317366E-2</v>
      </c>
    </row>
    <row r="68" spans="1:50" s="5" customFormat="1">
      <c r="A68" s="53" t="s">
        <v>438</v>
      </c>
      <c r="B68" s="54">
        <v>1969</v>
      </c>
      <c r="C68" s="55">
        <v>69.8</v>
      </c>
      <c r="D68" s="56">
        <v>0.98</v>
      </c>
      <c r="E68" s="290">
        <v>0.27200000000000002</v>
      </c>
      <c r="F68" s="297">
        <v>2.0046907378907096E-2</v>
      </c>
      <c r="G68" s="290">
        <v>0.39700000000000002</v>
      </c>
      <c r="H68" s="297">
        <v>2.2032274769443777E-2</v>
      </c>
      <c r="I68" s="54">
        <v>1969</v>
      </c>
      <c r="J68" s="55">
        <v>67.099999999999994</v>
      </c>
      <c r="K68" s="56">
        <v>0.98</v>
      </c>
      <c r="L68" s="290">
        <v>0.29499999999999998</v>
      </c>
      <c r="M68" s="297">
        <v>2.054232907135875E-2</v>
      </c>
      <c r="N68" s="290">
        <v>0.33600000000000002</v>
      </c>
      <c r="O68" s="297">
        <v>2.1272872760411617E-2</v>
      </c>
      <c r="P68" s="54">
        <v>1965</v>
      </c>
      <c r="Q68" s="55">
        <v>63.7</v>
      </c>
      <c r="R68" s="56">
        <v>0.98</v>
      </c>
      <c r="S68" s="290">
        <v>0.36199999999999999</v>
      </c>
      <c r="T68" s="297">
        <v>2.1664288239265389E-2</v>
      </c>
      <c r="U68" s="290">
        <v>0.29599999999999999</v>
      </c>
      <c r="V68" s="297">
        <v>2.0583312508429628E-2</v>
      </c>
      <c r="W68" s="54">
        <v>1964</v>
      </c>
      <c r="X68" s="55">
        <v>69.599999999999994</v>
      </c>
      <c r="Y68" s="56">
        <v>1.1759999999999999</v>
      </c>
      <c r="Z68" s="290">
        <v>0.28299999999999997</v>
      </c>
      <c r="AA68" s="297">
        <v>2.0317711453690449E-2</v>
      </c>
      <c r="AB68" s="290">
        <v>0.42499999999999999</v>
      </c>
      <c r="AC68" s="297">
        <v>2.2287745120421008E-2</v>
      </c>
      <c r="AD68" s="54">
        <v>1970</v>
      </c>
      <c r="AE68" s="55">
        <v>72.900000000000006</v>
      </c>
      <c r="AF68" s="56">
        <v>0.98</v>
      </c>
      <c r="AG68" s="290">
        <v>0.22900000000000001</v>
      </c>
      <c r="AH68" s="297">
        <v>1.8930702384304169E-2</v>
      </c>
      <c r="AI68" s="290">
        <v>0.47899999999999998</v>
      </c>
      <c r="AJ68" s="297">
        <v>2.2487676932628646E-2</v>
      </c>
      <c r="AK68" s="54">
        <v>1968</v>
      </c>
      <c r="AL68" s="55">
        <v>61.6</v>
      </c>
      <c r="AM68" s="56">
        <v>0.98</v>
      </c>
      <c r="AN68" s="290">
        <v>0.40699999999999997</v>
      </c>
      <c r="AO68" s="297">
        <v>2.2127514085083181E-2</v>
      </c>
      <c r="AP68" s="290">
        <v>0.252</v>
      </c>
      <c r="AQ68" s="297">
        <v>1.9566563776093275E-2</v>
      </c>
      <c r="AR68" s="54">
        <v>1965</v>
      </c>
      <c r="AS68" s="55">
        <v>63.4</v>
      </c>
      <c r="AT68" s="56">
        <v>1.1759999999999999</v>
      </c>
      <c r="AU68" s="290">
        <v>0.377</v>
      </c>
      <c r="AV68" s="297">
        <v>2.1846335609011686E-2</v>
      </c>
      <c r="AW68" s="290">
        <v>0.30399999999999999</v>
      </c>
      <c r="AX68" s="297">
        <v>2.0739988669619021E-2</v>
      </c>
    </row>
    <row r="69" spans="1:50" s="5" customFormat="1">
      <c r="A69" s="49" t="s">
        <v>439</v>
      </c>
      <c r="B69" s="74">
        <v>898</v>
      </c>
      <c r="C69" s="75">
        <v>73.032848585259742</v>
      </c>
      <c r="D69" s="76">
        <v>1.3132000000000001</v>
      </c>
      <c r="E69" s="294">
        <v>0.21344027385274839</v>
      </c>
      <c r="F69" s="295">
        <v>2.7344416914862696E-2</v>
      </c>
      <c r="G69" s="296">
        <v>0.47152568876722845</v>
      </c>
      <c r="H69" s="295">
        <v>3.3242800175121545E-2</v>
      </c>
      <c r="I69" s="74">
        <v>894</v>
      </c>
      <c r="J69" s="75">
        <v>67.21622652806019</v>
      </c>
      <c r="K69" s="76">
        <v>1.5092000000000001</v>
      </c>
      <c r="L69" s="294">
        <v>0.28983347392491038</v>
      </c>
      <c r="M69" s="295">
        <v>3.0308190643887827E-2</v>
      </c>
      <c r="N69" s="296">
        <v>0.35611887611841236</v>
      </c>
      <c r="O69" s="295">
        <v>3.197174678972689E-2</v>
      </c>
      <c r="P69" s="74">
        <v>893</v>
      </c>
      <c r="Q69" s="75">
        <v>66.711324268780288</v>
      </c>
      <c r="R69" s="76">
        <v>1.5287999999999999</v>
      </c>
      <c r="S69" s="294">
        <v>0.30823040374736299</v>
      </c>
      <c r="T69" s="295">
        <v>3.085924299724286E-2</v>
      </c>
      <c r="U69" s="296">
        <v>0.4104943570298763</v>
      </c>
      <c r="V69" s="295">
        <v>3.2854534288944345E-2</v>
      </c>
      <c r="W69" s="74">
        <v>891</v>
      </c>
      <c r="X69" s="75">
        <v>71.114633485452032</v>
      </c>
      <c r="Y69" s="76">
        <v>1.6072</v>
      </c>
      <c r="Z69" s="294">
        <v>0.23666637772654905</v>
      </c>
      <c r="AA69" s="295">
        <v>2.8463353542679058E-2</v>
      </c>
      <c r="AB69" s="296">
        <v>0.4899035778499215</v>
      </c>
      <c r="AC69" s="295">
        <v>3.3419558813369117E-2</v>
      </c>
      <c r="AD69" s="74">
        <v>894</v>
      </c>
      <c r="AE69" s="75">
        <v>77.749946571896686</v>
      </c>
      <c r="AF69" s="76">
        <v>1.3132000000000001</v>
      </c>
      <c r="AG69" s="294">
        <v>0.16304445583010393</v>
      </c>
      <c r="AH69" s="295">
        <v>2.4745492235064035E-2</v>
      </c>
      <c r="AI69" s="296">
        <v>0.60902084449124672</v>
      </c>
      <c r="AJ69" s="295">
        <v>3.2574745586257232E-2</v>
      </c>
      <c r="AK69" s="74">
        <v>893</v>
      </c>
      <c r="AL69" s="75">
        <v>67.773860086949796</v>
      </c>
      <c r="AM69" s="76">
        <v>1.6659999999999999</v>
      </c>
      <c r="AN69" s="294">
        <v>0.3079940835610756</v>
      </c>
      <c r="AO69" s="295">
        <v>3.0852747773674607E-2</v>
      </c>
      <c r="AP69" s="296">
        <v>0.44307669616013051</v>
      </c>
      <c r="AQ69" s="295">
        <v>3.3173882065852783E-2</v>
      </c>
      <c r="AR69" s="74">
        <v>894</v>
      </c>
      <c r="AS69" s="75">
        <v>65.588639144698021</v>
      </c>
      <c r="AT69" s="76">
        <v>1.7052</v>
      </c>
      <c r="AU69" s="294">
        <v>0.34369494942197937</v>
      </c>
      <c r="AV69" s="295">
        <v>3.1713212166656242E-2</v>
      </c>
      <c r="AW69" s="296">
        <v>0.42335424567002738</v>
      </c>
      <c r="AX69" s="295">
        <v>3.2979554069636277E-2</v>
      </c>
    </row>
    <row r="70" spans="1:50" s="5" customFormat="1">
      <c r="A70" s="53" t="s">
        <v>440</v>
      </c>
      <c r="B70" s="54">
        <v>713</v>
      </c>
      <c r="C70" s="55">
        <v>74.48</v>
      </c>
      <c r="D70" s="56">
        <v>1.3719999999999999</v>
      </c>
      <c r="E70" s="290">
        <v>0.17699999999999999</v>
      </c>
      <c r="F70" s="297">
        <v>2.8620716408214057E-2</v>
      </c>
      <c r="G70" s="290">
        <v>0.47799999999999998</v>
      </c>
      <c r="H70" s="297">
        <v>3.7309918829215916E-2</v>
      </c>
      <c r="I70" s="54">
        <v>709</v>
      </c>
      <c r="J70" s="55">
        <v>68.290000000000006</v>
      </c>
      <c r="K70" s="56">
        <v>1.5680000000000001</v>
      </c>
      <c r="L70" s="290">
        <v>0.27200000000000002</v>
      </c>
      <c r="M70" s="297">
        <v>3.3378918911223923E-2</v>
      </c>
      <c r="N70" s="290">
        <v>0.34699999999999998</v>
      </c>
      <c r="O70" s="297">
        <v>3.5674460543034643E-2</v>
      </c>
      <c r="P70" s="54">
        <v>709</v>
      </c>
      <c r="Q70" s="55">
        <v>67.69</v>
      </c>
      <c r="R70" s="56">
        <v>1.764</v>
      </c>
      <c r="S70" s="290">
        <v>0.27600000000000002</v>
      </c>
      <c r="T70" s="297">
        <v>3.3528820398624939E-2</v>
      </c>
      <c r="U70" s="290">
        <v>0.42899999999999999</v>
      </c>
      <c r="V70" s="297">
        <v>3.7075065232723567E-2</v>
      </c>
      <c r="W70" s="54">
        <v>708</v>
      </c>
      <c r="X70" s="55">
        <v>70.72</v>
      </c>
      <c r="Y70" s="56">
        <v>1.764</v>
      </c>
      <c r="Z70" s="290">
        <v>0.24</v>
      </c>
      <c r="AA70" s="297">
        <v>3.2077628540285855E-2</v>
      </c>
      <c r="AB70" s="290">
        <v>0.497</v>
      </c>
      <c r="AC70" s="297">
        <v>3.7475917423580057E-2</v>
      </c>
      <c r="AD70" s="54">
        <v>710</v>
      </c>
      <c r="AE70" s="55">
        <v>80.23</v>
      </c>
      <c r="AF70" s="56">
        <v>1.3719999999999999</v>
      </c>
      <c r="AG70" s="290">
        <v>0.124</v>
      </c>
      <c r="AH70" s="297">
        <v>2.4847276673345412E-2</v>
      </c>
      <c r="AI70" s="290">
        <v>0.64100000000000001</v>
      </c>
      <c r="AJ70" s="297">
        <v>3.5922507035036966E-2</v>
      </c>
      <c r="AK70" s="54">
        <v>709</v>
      </c>
      <c r="AL70" s="55">
        <v>71.48</v>
      </c>
      <c r="AM70" s="56">
        <v>1.764</v>
      </c>
      <c r="AN70" s="290">
        <v>0.246</v>
      </c>
      <c r="AO70" s="297">
        <v>3.2320784472349824E-2</v>
      </c>
      <c r="AP70" s="290">
        <v>0.51100000000000001</v>
      </c>
      <c r="AQ70" s="297">
        <v>3.744133167303506E-2</v>
      </c>
      <c r="AR70" s="54">
        <v>710</v>
      </c>
      <c r="AS70" s="55">
        <v>68.3</v>
      </c>
      <c r="AT70" s="56">
        <v>1.96</v>
      </c>
      <c r="AU70" s="290">
        <v>0.29799999999999999</v>
      </c>
      <c r="AV70" s="297">
        <v>3.4271277881107093E-2</v>
      </c>
      <c r="AW70" s="290">
        <v>0.44700000000000001</v>
      </c>
      <c r="AX70" s="297">
        <v>3.7215579493311349E-2</v>
      </c>
    </row>
    <row r="71" spans="1:50" s="5" customFormat="1">
      <c r="A71" s="49" t="s">
        <v>453</v>
      </c>
      <c r="B71" s="74">
        <v>135</v>
      </c>
      <c r="C71" s="75">
        <v>78.140637531010128</v>
      </c>
      <c r="D71" s="76">
        <v>3.4691999999999998</v>
      </c>
      <c r="E71" s="294">
        <v>0.10583740256229406</v>
      </c>
      <c r="F71" s="295">
        <v>5.456143240675905E-2</v>
      </c>
      <c r="G71" s="296">
        <v>0.65426904381048134</v>
      </c>
      <c r="H71" s="295">
        <v>8.0921149456432306E-2</v>
      </c>
      <c r="I71" s="74">
        <v>134</v>
      </c>
      <c r="J71" s="75">
        <v>71.244401435130953</v>
      </c>
      <c r="K71" s="76">
        <v>3.8220000000000001</v>
      </c>
      <c r="L71" s="294">
        <v>0.22028180092273042</v>
      </c>
      <c r="M71" s="295">
        <v>7.1470633865576075E-2</v>
      </c>
      <c r="N71" s="296">
        <v>0.53633523311172238</v>
      </c>
      <c r="O71" s="295">
        <v>8.4913455992806836E-2</v>
      </c>
      <c r="P71" s="74">
        <v>135</v>
      </c>
      <c r="Q71" s="75">
        <v>73.830265448636624</v>
      </c>
      <c r="R71" s="76">
        <v>3.92</v>
      </c>
      <c r="S71" s="294">
        <v>0.18251505604323093</v>
      </c>
      <c r="T71" s="295">
        <v>6.6769460017105944E-2</v>
      </c>
      <c r="U71" s="296">
        <v>0.60079056310857992</v>
      </c>
      <c r="V71" s="295">
        <v>8.3177460515094892E-2</v>
      </c>
      <c r="W71" s="74">
        <v>134</v>
      </c>
      <c r="X71" s="75">
        <v>75.358830942522744</v>
      </c>
      <c r="Y71" s="76">
        <v>4.2336</v>
      </c>
      <c r="Z71" s="294">
        <v>0.14959424334507765</v>
      </c>
      <c r="AA71" s="295">
        <v>6.237580627386715E-2</v>
      </c>
      <c r="AB71" s="296">
        <v>0.58757893694531849</v>
      </c>
      <c r="AC71" s="295">
        <v>8.3885382028047725E-2</v>
      </c>
      <c r="AD71" s="74">
        <v>134</v>
      </c>
      <c r="AE71" s="75">
        <v>84.200297888680396</v>
      </c>
      <c r="AF71" s="76">
        <v>2.9988000000000001</v>
      </c>
      <c r="AG71" s="294">
        <v>9.2360940327082974E-2</v>
      </c>
      <c r="AH71" s="295">
        <v>5.2009979114620908E-2</v>
      </c>
      <c r="AI71" s="296">
        <v>0.78577017443073027</v>
      </c>
      <c r="AJ71" s="295">
        <v>7.0813282835045371E-2</v>
      </c>
      <c r="AK71" s="74">
        <v>135</v>
      </c>
      <c r="AL71" s="75">
        <v>73.040645081417139</v>
      </c>
      <c r="AM71" s="76">
        <v>4.2728000000000002</v>
      </c>
      <c r="AN71" s="294">
        <v>0.23529120809881432</v>
      </c>
      <c r="AO71" s="295">
        <v>7.2747533765502789E-2</v>
      </c>
      <c r="AP71" s="296">
        <v>0.59329277799221991</v>
      </c>
      <c r="AQ71" s="295">
        <v>8.3414570669636104E-2</v>
      </c>
      <c r="AR71" s="74">
        <v>135</v>
      </c>
      <c r="AS71" s="75">
        <v>71.026187183176589</v>
      </c>
      <c r="AT71" s="76">
        <v>4.508</v>
      </c>
      <c r="AU71" s="294">
        <v>0.24403599262575942</v>
      </c>
      <c r="AV71" s="295">
        <v>7.3592102807856566E-2</v>
      </c>
      <c r="AW71" s="296">
        <v>0.60267270770888348</v>
      </c>
      <c r="AX71" s="295">
        <v>8.3114950485364061E-2</v>
      </c>
    </row>
    <row r="72" spans="1:50" s="5" customFormat="1">
      <c r="A72" s="53" t="s">
        <v>441</v>
      </c>
      <c r="B72" s="54">
        <v>79</v>
      </c>
      <c r="C72" s="55">
        <v>76.050434773089805</v>
      </c>
      <c r="D72" s="56">
        <v>4.7039999999999997</v>
      </c>
      <c r="E72" s="290">
        <v>0.12830833559223689</v>
      </c>
      <c r="F72" s="297">
        <v>7.7565534326544769E-2</v>
      </c>
      <c r="G72" s="290">
        <v>0.57492946669596401</v>
      </c>
      <c r="H72" s="297">
        <v>0.10864193085917118</v>
      </c>
      <c r="I72" s="54">
        <v>78</v>
      </c>
      <c r="J72" s="55">
        <v>69.730940879976842</v>
      </c>
      <c r="K72" s="56">
        <v>5.0960000000000001</v>
      </c>
      <c r="L72" s="290">
        <v>0.26166701186728136</v>
      </c>
      <c r="M72" s="297">
        <v>9.8427623841523662E-2</v>
      </c>
      <c r="N72" s="290">
        <v>0.4306098713299491</v>
      </c>
      <c r="O72" s="297">
        <v>0.10946506463953021</v>
      </c>
      <c r="P72" s="54">
        <v>79</v>
      </c>
      <c r="Q72" s="55">
        <v>72.233256932948734</v>
      </c>
      <c r="R72" s="56">
        <v>5.2724000000000002</v>
      </c>
      <c r="S72" s="290">
        <v>0.21925006741073078</v>
      </c>
      <c r="T72" s="297">
        <v>9.2773482470426299E-2</v>
      </c>
      <c r="U72" s="290">
        <v>0.49774802010185121</v>
      </c>
      <c r="V72" s="297">
        <v>0.10976325138737281</v>
      </c>
      <c r="W72" s="54">
        <v>79</v>
      </c>
      <c r="X72" s="55">
        <v>76.049479867476549</v>
      </c>
      <c r="Y72" s="56">
        <v>5.3704000000000001</v>
      </c>
      <c r="Z72" s="290">
        <v>0.17527818554618771</v>
      </c>
      <c r="AA72" s="297">
        <v>8.628173136891977E-2</v>
      </c>
      <c r="AB72" s="290">
        <v>0.64900837564379521</v>
      </c>
      <c r="AC72" s="297">
        <v>0.10525586299345528</v>
      </c>
      <c r="AD72" s="54">
        <v>79</v>
      </c>
      <c r="AE72" s="55">
        <v>82.65159496926259</v>
      </c>
      <c r="AF72" s="56">
        <v>4.2139999999999995</v>
      </c>
      <c r="AG72" s="290">
        <v>0.12461686832621259</v>
      </c>
      <c r="AH72" s="297">
        <v>7.6785464356144736E-2</v>
      </c>
      <c r="AI72" s="290">
        <v>0.73290337871039501</v>
      </c>
      <c r="AJ72" s="297">
        <v>9.8386591304001556E-2</v>
      </c>
      <c r="AK72" s="54">
        <v>79</v>
      </c>
      <c r="AL72" s="55">
        <v>70.265503026475315</v>
      </c>
      <c r="AM72" s="56">
        <v>6.1151999999999997</v>
      </c>
      <c r="AN72" s="290">
        <v>0.29080567961986825</v>
      </c>
      <c r="AO72" s="297">
        <v>0.10068539719791003</v>
      </c>
      <c r="AP72" s="290">
        <v>0.51400453483673636</v>
      </c>
      <c r="AQ72" s="297">
        <v>0.10972524751416554</v>
      </c>
      <c r="AR72" s="54">
        <v>79</v>
      </c>
      <c r="AS72" s="55">
        <v>70.01476603051195</v>
      </c>
      <c r="AT72" s="56">
        <v>6.0759999999999996</v>
      </c>
      <c r="AU72" s="290">
        <v>0.26855158868754553</v>
      </c>
      <c r="AV72" s="297">
        <v>9.8536381675910126E-2</v>
      </c>
      <c r="AW72" s="290">
        <v>0.56190490642768298</v>
      </c>
      <c r="AX72" s="297">
        <v>0.10899944786537016</v>
      </c>
    </row>
    <row r="73" spans="1:50" s="5" customFormat="1">
      <c r="A73" s="49" t="s">
        <v>446</v>
      </c>
      <c r="B73" s="74">
        <v>164</v>
      </c>
      <c r="C73" s="75">
        <v>69.321273602067564</v>
      </c>
      <c r="D73" s="76">
        <v>3.3319999999999999</v>
      </c>
      <c r="E73" s="294">
        <v>0.28030225364987288</v>
      </c>
      <c r="F73" s="295">
        <v>6.9693883599351913E-2</v>
      </c>
      <c r="G73" s="296">
        <v>0.34716328301331972</v>
      </c>
      <c r="H73" s="295">
        <v>7.3636823107703142E-2</v>
      </c>
      <c r="I73" s="74">
        <v>164</v>
      </c>
      <c r="J73" s="75">
        <v>63.886387397900847</v>
      </c>
      <c r="K73" s="76">
        <v>3.8024</v>
      </c>
      <c r="L73" s="294">
        <v>0.34581929763942676</v>
      </c>
      <c r="M73" s="295">
        <v>7.3573225622178273E-2</v>
      </c>
      <c r="N73" s="296">
        <v>0.28072005223668728</v>
      </c>
      <c r="O73" s="295">
        <v>6.9723731350344612E-2</v>
      </c>
      <c r="P73" s="74">
        <v>162</v>
      </c>
      <c r="Q73" s="75">
        <v>63.3626589307556</v>
      </c>
      <c r="R73" s="76">
        <v>3.6064000000000003</v>
      </c>
      <c r="S73" s="294">
        <v>0.38178950119284322</v>
      </c>
      <c r="T73" s="295">
        <v>7.5520937289251105E-2</v>
      </c>
      <c r="U73" s="296">
        <v>0.28410859379466757</v>
      </c>
      <c r="V73" s="295">
        <v>7.0387919874533175E-2</v>
      </c>
      <c r="W73" s="74">
        <v>163</v>
      </c>
      <c r="X73" s="75">
        <v>70.484598999745145</v>
      </c>
      <c r="Y73" s="76">
        <v>3.8024</v>
      </c>
      <c r="Z73" s="294">
        <v>0.22374910183986446</v>
      </c>
      <c r="AA73" s="295">
        <v>6.5166290581855982E-2</v>
      </c>
      <c r="AB73" s="296">
        <v>0.43750561490307421</v>
      </c>
      <c r="AC73" s="295">
        <v>7.6804332358921396E-2</v>
      </c>
      <c r="AD73" s="74">
        <v>163</v>
      </c>
      <c r="AE73" s="75">
        <v>70.202291684544207</v>
      </c>
      <c r="AF73" s="76">
        <v>3.4887999999999999</v>
      </c>
      <c r="AG73" s="294">
        <v>0.25612744420829292</v>
      </c>
      <c r="AH73" s="295">
        <v>6.805089706037154E-2</v>
      </c>
      <c r="AI73" s="296">
        <v>0.48395795822222765</v>
      </c>
      <c r="AJ73" s="295">
        <v>7.7344370802573975E-2</v>
      </c>
      <c r="AK73" s="74">
        <v>163</v>
      </c>
      <c r="AL73" s="75">
        <v>58.860485403353785</v>
      </c>
      <c r="AM73" s="76">
        <v>4.2336</v>
      </c>
      <c r="AN73" s="294">
        <v>0.44358554231761305</v>
      </c>
      <c r="AO73" s="295">
        <v>7.6911652022634711E-2</v>
      </c>
      <c r="AP73" s="296">
        <v>0.31947695269309245</v>
      </c>
      <c r="AQ73" s="295">
        <v>7.2418256599947217E-2</v>
      </c>
      <c r="AR73" s="74">
        <v>163</v>
      </c>
      <c r="AS73" s="75">
        <v>59.11592672855469</v>
      </c>
      <c r="AT73" s="76">
        <v>4.2336</v>
      </c>
      <c r="AU73" s="294">
        <v>0.43761517532184158</v>
      </c>
      <c r="AV73" s="295">
        <v>7.6806364754081771E-2</v>
      </c>
      <c r="AW73" s="296">
        <v>0.34057363493855425</v>
      </c>
      <c r="AX73" s="295">
        <v>7.3539467113444376E-2</v>
      </c>
    </row>
    <row r="74" spans="1:50" s="5" customFormat="1">
      <c r="A74" s="53" t="s">
        <v>447</v>
      </c>
      <c r="B74" s="54">
        <v>111</v>
      </c>
      <c r="C74" s="55">
        <v>73.736190638191445</v>
      </c>
      <c r="D74" s="56">
        <v>3.5084</v>
      </c>
      <c r="E74" s="290">
        <v>0.19330798559003531</v>
      </c>
      <c r="F74" s="297">
        <v>7.5150750635372937E-2</v>
      </c>
      <c r="G74" s="290">
        <v>0.40324390002086674</v>
      </c>
      <c r="H74" s="297">
        <v>9.1609413353319E-2</v>
      </c>
      <c r="I74" s="54">
        <v>109</v>
      </c>
      <c r="J74" s="55">
        <v>68.068052207083014</v>
      </c>
      <c r="K74" s="56">
        <v>4.1747999999999994</v>
      </c>
      <c r="L74" s="290">
        <v>0.24445173511362242</v>
      </c>
      <c r="M74" s="297">
        <v>8.1845226662769652E-2</v>
      </c>
      <c r="N74" s="290">
        <v>0.28095544880938317</v>
      </c>
      <c r="O74" s="297">
        <v>8.5259876336846077E-2</v>
      </c>
      <c r="P74" s="54">
        <v>112</v>
      </c>
      <c r="Q74" s="55">
        <v>61.291980061862979</v>
      </c>
      <c r="R74" s="56">
        <v>4.6647999999999996</v>
      </c>
      <c r="S74" s="290">
        <v>0.35013045368772178</v>
      </c>
      <c r="T74" s="297">
        <v>8.887446357730458E-2</v>
      </c>
      <c r="U74" s="290">
        <v>0.34629755466280432</v>
      </c>
      <c r="V74" s="297">
        <v>8.8663785563898312E-2</v>
      </c>
      <c r="W74" s="54">
        <v>111</v>
      </c>
      <c r="X74" s="55">
        <v>62.450059016013491</v>
      </c>
      <c r="Y74" s="56">
        <v>4.8020000000000005</v>
      </c>
      <c r="Z74" s="290">
        <v>0.28608286732138094</v>
      </c>
      <c r="AA74" s="297">
        <v>8.4928090250898022E-2</v>
      </c>
      <c r="AB74" s="290">
        <v>0.33485882489391111</v>
      </c>
      <c r="AC74" s="297">
        <v>8.8385037804874222E-2</v>
      </c>
      <c r="AD74" s="54">
        <v>112</v>
      </c>
      <c r="AE74" s="55">
        <v>78.358554126792669</v>
      </c>
      <c r="AF74" s="56">
        <v>3.9592000000000001</v>
      </c>
      <c r="AG74" s="290">
        <v>0.13610290412584949</v>
      </c>
      <c r="AH74" s="297">
        <v>6.6060039646905391E-2</v>
      </c>
      <c r="AI74" s="290">
        <v>0.63727968382286304</v>
      </c>
      <c r="AJ74" s="297">
        <v>8.9525874503560629E-2</v>
      </c>
      <c r="AK74" s="54">
        <v>112</v>
      </c>
      <c r="AL74" s="55">
        <v>67.217534666579638</v>
      </c>
      <c r="AM74" s="56">
        <v>4.7039999999999997</v>
      </c>
      <c r="AN74" s="290">
        <v>0.30159254539217561</v>
      </c>
      <c r="AO74" s="297">
        <v>8.5762811907319714E-2</v>
      </c>
      <c r="AP74" s="290">
        <v>0.46779712018437625</v>
      </c>
      <c r="AQ74" s="297">
        <v>9.2667976175091635E-2</v>
      </c>
      <c r="AR74" s="54">
        <v>112</v>
      </c>
      <c r="AS74" s="55">
        <v>67.89018721216388</v>
      </c>
      <c r="AT74" s="56">
        <v>5.0763999999999996</v>
      </c>
      <c r="AU74" s="290">
        <v>0.28157761262104036</v>
      </c>
      <c r="AV74" s="297">
        <v>8.4184764548443744E-2</v>
      </c>
      <c r="AW74" s="290">
        <v>0.38555098741855814</v>
      </c>
      <c r="AX74" s="297">
        <v>9.0551794783999051E-2</v>
      </c>
    </row>
    <row r="75" spans="1:50" s="5" customFormat="1">
      <c r="A75" s="49" t="s">
        <v>442</v>
      </c>
      <c r="B75" s="74">
        <v>77</v>
      </c>
      <c r="C75" s="75">
        <v>71.326950463164735</v>
      </c>
      <c r="D75" s="76">
        <v>4.1551999999999998</v>
      </c>
      <c r="E75" s="294">
        <v>0.24794020287565707</v>
      </c>
      <c r="F75" s="295">
        <v>9.7521355152425465E-2</v>
      </c>
      <c r="G75" s="296">
        <v>0.41825444756799379</v>
      </c>
      <c r="H75" s="295">
        <v>0.10976098668264779</v>
      </c>
      <c r="I75" s="74">
        <v>76</v>
      </c>
      <c r="J75" s="75">
        <v>65.87946365211991</v>
      </c>
      <c r="K75" s="76">
        <v>4.7039999999999997</v>
      </c>
      <c r="L75" s="294">
        <v>0.29959348975579908</v>
      </c>
      <c r="M75" s="295">
        <v>0.10338111545712694</v>
      </c>
      <c r="N75" s="296">
        <v>0.25034234176341547</v>
      </c>
      <c r="O75" s="295">
        <v>9.8424622414732141E-2</v>
      </c>
      <c r="P75" s="74">
        <v>78</v>
      </c>
      <c r="Q75" s="75">
        <v>59.521711114407495</v>
      </c>
      <c r="R75" s="76">
        <v>5.4879999999999995</v>
      </c>
      <c r="S75" s="294">
        <v>0.353157270555917</v>
      </c>
      <c r="T75" s="295">
        <v>0.10603487459814664</v>
      </c>
      <c r="U75" s="296">
        <v>0.22095411016447677</v>
      </c>
      <c r="V75" s="295">
        <v>9.3585710623344365E-2</v>
      </c>
      <c r="W75" s="74">
        <v>77</v>
      </c>
      <c r="X75" s="75">
        <v>58.081700403193196</v>
      </c>
      <c r="Y75" s="76">
        <v>5.4879999999999995</v>
      </c>
      <c r="Z75" s="294">
        <v>0.38054536712153808</v>
      </c>
      <c r="AA75" s="295">
        <v>0.10820764604736408</v>
      </c>
      <c r="AB75" s="296">
        <v>0.28792549604459272</v>
      </c>
      <c r="AC75" s="295">
        <v>0.10167893283973826</v>
      </c>
      <c r="AD75" s="74">
        <v>78</v>
      </c>
      <c r="AE75" s="75">
        <v>78.245746483592683</v>
      </c>
      <c r="AF75" s="76">
        <v>4.9000000000000004</v>
      </c>
      <c r="AG75" s="294">
        <v>0.17088614768864258</v>
      </c>
      <c r="AH75" s="295">
        <v>8.6106496215904826E-2</v>
      </c>
      <c r="AI75" s="296">
        <v>0.64316570775755444</v>
      </c>
      <c r="AJ75" s="295">
        <v>0.10625658289467406</v>
      </c>
      <c r="AK75" s="74">
        <v>78</v>
      </c>
      <c r="AL75" s="75">
        <v>61.653978954139355</v>
      </c>
      <c r="AM75" s="76">
        <v>5.5076000000000001</v>
      </c>
      <c r="AN75" s="294">
        <v>0.39835233993588559</v>
      </c>
      <c r="AO75" s="295">
        <v>0.10834704658553901</v>
      </c>
      <c r="AP75" s="296">
        <v>0.27019885593580284</v>
      </c>
      <c r="AQ75" s="295">
        <v>9.9319103731876621E-2</v>
      </c>
      <c r="AR75" s="74">
        <v>78</v>
      </c>
      <c r="AS75" s="75">
        <v>66.69775266890592</v>
      </c>
      <c r="AT75" s="76">
        <v>5.7623999999999995</v>
      </c>
      <c r="AU75" s="294">
        <v>0.35766130921006745</v>
      </c>
      <c r="AV75" s="295">
        <v>0.10630561142084002</v>
      </c>
      <c r="AW75" s="296">
        <v>0.42728231078491175</v>
      </c>
      <c r="AX75" s="295">
        <v>0.10936968947917283</v>
      </c>
    </row>
    <row r="76" spans="1:50" s="5" customFormat="1">
      <c r="A76" s="45" t="s">
        <v>448</v>
      </c>
      <c r="B76" s="71">
        <v>290</v>
      </c>
      <c r="C76" s="72">
        <v>75.147806159344569</v>
      </c>
      <c r="D76" s="73">
        <v>2.0579999999999998</v>
      </c>
      <c r="E76" s="291">
        <v>0.16853134425890556</v>
      </c>
      <c r="F76" s="292">
        <v>4.4123804182792777E-2</v>
      </c>
      <c r="G76" s="293">
        <v>0.5340881404489306</v>
      </c>
      <c r="H76" s="292">
        <v>5.818915936493578E-2</v>
      </c>
      <c r="I76" s="71">
        <v>290</v>
      </c>
      <c r="J76" s="72">
        <v>68.882744601837658</v>
      </c>
      <c r="K76" s="73">
        <v>2.5284</v>
      </c>
      <c r="L76" s="291">
        <v>0.22884255792003652</v>
      </c>
      <c r="M76" s="292">
        <v>4.927511942969276E-2</v>
      </c>
      <c r="N76" s="293">
        <v>0.36606346273493257</v>
      </c>
      <c r="O76" s="292">
        <v>5.6248455069181337E-2</v>
      </c>
      <c r="P76" s="71">
        <v>286</v>
      </c>
      <c r="Q76" s="72">
        <v>67.440343709926196</v>
      </c>
      <c r="R76" s="73">
        <v>2.6656</v>
      </c>
      <c r="S76" s="291">
        <v>0.27691735018829999</v>
      </c>
      <c r="T76" s="292">
        <v>5.2731919922953563E-2</v>
      </c>
      <c r="U76" s="293">
        <v>0.41474356542470747</v>
      </c>
      <c r="V76" s="292">
        <v>5.788579389200018E-2</v>
      </c>
      <c r="W76" s="71">
        <v>287</v>
      </c>
      <c r="X76" s="72">
        <v>73.781033277507262</v>
      </c>
      <c r="Y76" s="73">
        <v>2.8615999999999997</v>
      </c>
      <c r="Z76" s="291">
        <v>0.22513578007436202</v>
      </c>
      <c r="AA76" s="292">
        <v>4.9257353639049539E-2</v>
      </c>
      <c r="AB76" s="293">
        <v>0.55230714496761324</v>
      </c>
      <c r="AC76" s="292">
        <v>5.8308182676260069E-2</v>
      </c>
      <c r="AD76" s="71">
        <v>287</v>
      </c>
      <c r="AE76" s="72">
        <v>79.740236813399576</v>
      </c>
      <c r="AF76" s="73">
        <v>2.0972</v>
      </c>
      <c r="AG76" s="291">
        <v>0.15004795718724698</v>
      </c>
      <c r="AH76" s="292">
        <v>4.2414612530301848E-2</v>
      </c>
      <c r="AI76" s="293">
        <v>0.61720174849530263</v>
      </c>
      <c r="AJ76" s="292">
        <v>5.7033032404139108E-2</v>
      </c>
      <c r="AK76" s="71">
        <v>286</v>
      </c>
      <c r="AL76" s="72">
        <v>70.952862914755343</v>
      </c>
      <c r="AM76" s="73">
        <v>2.6656</v>
      </c>
      <c r="AN76" s="291">
        <v>0.27437593748971928</v>
      </c>
      <c r="AO76" s="292">
        <v>5.2586665016664279E-2</v>
      </c>
      <c r="AP76" s="293">
        <v>0.44685853640525913</v>
      </c>
      <c r="AQ76" s="292">
        <v>5.8398553530180079E-2</v>
      </c>
      <c r="AR76" s="71">
        <v>287</v>
      </c>
      <c r="AS76" s="72">
        <v>68.100988560587268</v>
      </c>
      <c r="AT76" s="73">
        <v>2.8615999999999997</v>
      </c>
      <c r="AU76" s="291">
        <v>0.29765979923415514</v>
      </c>
      <c r="AV76" s="292">
        <v>5.3749610219403617E-2</v>
      </c>
      <c r="AW76" s="293">
        <v>0.43510383130886232</v>
      </c>
      <c r="AX76" s="292">
        <v>5.8138768933787908E-2</v>
      </c>
    </row>
    <row r="77" spans="1:50" ht="25.5">
      <c r="A77" s="49" t="s">
        <v>443</v>
      </c>
      <c r="B77" s="74">
        <v>126</v>
      </c>
      <c r="C77" s="75">
        <v>78.902406696799318</v>
      </c>
      <c r="D77" s="76">
        <v>2.7439999999999998</v>
      </c>
      <c r="E77" s="294">
        <v>8.3949878035571912E-2</v>
      </c>
      <c r="F77" s="295">
        <v>5.1854999886368526E-2</v>
      </c>
      <c r="G77" s="296">
        <v>0.58294529071253598</v>
      </c>
      <c r="H77" s="295">
        <v>8.6564683682295585E-2</v>
      </c>
      <c r="I77" s="74">
        <v>126</v>
      </c>
      <c r="J77" s="75">
        <v>72.216820193792344</v>
      </c>
      <c r="K77" s="76">
        <v>3.2927999999999997</v>
      </c>
      <c r="L77" s="294">
        <v>0.20274109558607128</v>
      </c>
      <c r="M77" s="295">
        <v>7.1681174620267643E-2</v>
      </c>
      <c r="N77" s="296">
        <v>0.41826202651409866</v>
      </c>
      <c r="O77" s="295">
        <v>8.6597872203459658E-2</v>
      </c>
      <c r="P77" s="74">
        <v>125</v>
      </c>
      <c r="Q77" s="75">
        <v>70.472016364715728</v>
      </c>
      <c r="R77" s="76">
        <v>3.7827999999999999</v>
      </c>
      <c r="S77" s="294">
        <v>0.23303329796513517</v>
      </c>
      <c r="T77" s="295">
        <v>7.534523636293429E-2</v>
      </c>
      <c r="U77" s="296">
        <v>0.41349784380723859</v>
      </c>
      <c r="V77" s="295">
        <v>8.6799103559440025E-2</v>
      </c>
      <c r="W77" s="74">
        <v>125</v>
      </c>
      <c r="X77" s="75">
        <v>76.767892194523057</v>
      </c>
      <c r="Y77" s="76">
        <v>4.2531999999999996</v>
      </c>
      <c r="Z77" s="294">
        <v>0.18360454610144059</v>
      </c>
      <c r="AA77" s="295">
        <v>6.9551340889767763E-2</v>
      </c>
      <c r="AB77" s="296">
        <v>0.5650809158482567</v>
      </c>
      <c r="AC77" s="295">
        <v>8.7341984944160553E-2</v>
      </c>
      <c r="AD77" s="74">
        <v>126</v>
      </c>
      <c r="AE77" s="75">
        <v>82.938024879030195</v>
      </c>
      <c r="AF77" s="76">
        <v>2.9203999999999999</v>
      </c>
      <c r="AG77" s="294">
        <v>0.11279797761170902</v>
      </c>
      <c r="AH77" s="295">
        <v>5.7954579426142461E-2</v>
      </c>
      <c r="AI77" s="296">
        <v>0.71330207646120158</v>
      </c>
      <c r="AJ77" s="295">
        <v>7.9857375265106445E-2</v>
      </c>
      <c r="AK77" s="74">
        <v>125</v>
      </c>
      <c r="AL77" s="75">
        <v>72.770176181198337</v>
      </c>
      <c r="AM77" s="76">
        <v>3.6652</v>
      </c>
      <c r="AN77" s="294">
        <v>0.25899093703405907</v>
      </c>
      <c r="AO77" s="295">
        <v>7.78511752536028E-2</v>
      </c>
      <c r="AP77" s="296">
        <v>0.48894216095114046</v>
      </c>
      <c r="AQ77" s="295">
        <v>8.8024871331230436E-2</v>
      </c>
      <c r="AR77" s="74">
        <v>125</v>
      </c>
      <c r="AS77" s="75">
        <v>73.130004647305441</v>
      </c>
      <c r="AT77" s="76">
        <v>3.8220000000000001</v>
      </c>
      <c r="AU77" s="294">
        <v>0.23033983645401504</v>
      </c>
      <c r="AV77" s="295">
        <v>7.5065457205554284E-2</v>
      </c>
      <c r="AW77" s="296">
        <v>0.46155343867450416</v>
      </c>
      <c r="AX77" s="295">
        <v>8.7800356376301805E-2</v>
      </c>
    </row>
    <row r="78" spans="1:50" ht="25.5">
      <c r="A78" s="53" t="s">
        <v>444</v>
      </c>
      <c r="B78" s="54">
        <v>80</v>
      </c>
      <c r="C78" s="55">
        <v>65.735724828383525</v>
      </c>
      <c r="D78" s="56">
        <v>4.2923999999999998</v>
      </c>
      <c r="E78" s="290">
        <v>0.31716890097538231</v>
      </c>
      <c r="F78" s="297">
        <v>0.1022789217330729</v>
      </c>
      <c r="G78" s="290">
        <v>0.32454637570275946</v>
      </c>
      <c r="H78" s="297">
        <v>0.10283552005041346</v>
      </c>
      <c r="I78" s="54">
        <v>80</v>
      </c>
      <c r="J78" s="55">
        <v>68.906341309378305</v>
      </c>
      <c r="K78" s="56">
        <v>5.2332000000000001</v>
      </c>
      <c r="L78" s="290">
        <v>0.20168629339565863</v>
      </c>
      <c r="M78" s="297">
        <v>8.9783463960186799E-2</v>
      </c>
      <c r="N78" s="290">
        <v>0.27893969109032962</v>
      </c>
      <c r="O78" s="297">
        <v>9.8965023084827158E-2</v>
      </c>
      <c r="P78" s="54">
        <v>80</v>
      </c>
      <c r="Q78" s="55">
        <v>57.565836275804564</v>
      </c>
      <c r="R78" s="56">
        <v>5.39</v>
      </c>
      <c r="S78" s="290">
        <v>0.36860950640533635</v>
      </c>
      <c r="T78" s="297">
        <v>0.10563673856795673</v>
      </c>
      <c r="U78" s="290">
        <v>0.34739847451805894</v>
      </c>
      <c r="V78" s="297">
        <v>0.10439800215383795</v>
      </c>
      <c r="W78" s="54">
        <v>80</v>
      </c>
      <c r="X78" s="55">
        <v>62.30909705698582</v>
      </c>
      <c r="Y78" s="56">
        <v>5.4879999999999995</v>
      </c>
      <c r="Z78" s="290">
        <v>0.3921373327222859</v>
      </c>
      <c r="AA78" s="297">
        <v>0.10678132908384759</v>
      </c>
      <c r="AB78" s="290">
        <v>0.46314643879969475</v>
      </c>
      <c r="AC78" s="297">
        <v>0.10883978749742101</v>
      </c>
      <c r="AD78" s="54">
        <v>79</v>
      </c>
      <c r="AE78" s="55">
        <v>82.383065604625912</v>
      </c>
      <c r="AF78" s="56">
        <v>3.4299999999999997</v>
      </c>
      <c r="AG78" s="290">
        <v>6.6966157507776972E-2</v>
      </c>
      <c r="AH78" s="297">
        <v>6.2138681176642632E-2</v>
      </c>
      <c r="AI78" s="290">
        <v>0.61476319945597813</v>
      </c>
      <c r="AJ78" s="297">
        <v>0.10711288346295397</v>
      </c>
      <c r="AK78" s="54">
        <v>79</v>
      </c>
      <c r="AL78" s="55">
        <v>72.165225011923198</v>
      </c>
      <c r="AM78" s="56">
        <v>4.7039999999999997</v>
      </c>
      <c r="AN78" s="290">
        <v>0.20584344106843475</v>
      </c>
      <c r="AO78" s="297">
        <v>9.0941795141278162E-2</v>
      </c>
      <c r="AP78" s="290">
        <v>0.39395629500443924</v>
      </c>
      <c r="AQ78" s="297">
        <v>0.10750455214882668</v>
      </c>
      <c r="AR78" s="54">
        <v>81</v>
      </c>
      <c r="AS78" s="55">
        <v>55.067842346361829</v>
      </c>
      <c r="AT78" s="56">
        <v>6.1151999999999997</v>
      </c>
      <c r="AU78" s="290">
        <v>0.45341712438644433</v>
      </c>
      <c r="AV78" s="297">
        <v>0.10803691355576915</v>
      </c>
      <c r="AW78" s="290">
        <v>0.30224770512400856</v>
      </c>
      <c r="AX78" s="297">
        <v>0.10046667350494161</v>
      </c>
    </row>
    <row r="79" spans="1:50">
      <c r="A79" s="49" t="s">
        <v>445</v>
      </c>
      <c r="B79" s="74">
        <v>84</v>
      </c>
      <c r="C79" s="75">
        <v>76.950622578338169</v>
      </c>
      <c r="D79" s="76">
        <v>3.9787999999999997</v>
      </c>
      <c r="E79" s="294">
        <v>0.17518300399664768</v>
      </c>
      <c r="F79" s="295">
        <v>8.3629973214329939E-2</v>
      </c>
      <c r="G79" s="296">
        <v>0.62246270906371692</v>
      </c>
      <c r="H79" s="295">
        <v>0.10364609215427903</v>
      </c>
      <c r="I79" s="74">
        <v>84</v>
      </c>
      <c r="J79" s="75">
        <v>64.234510297910631</v>
      </c>
      <c r="K79" s="76">
        <v>5.1352000000000002</v>
      </c>
      <c r="L79" s="294">
        <v>0.28534176966897862</v>
      </c>
      <c r="M79" s="295">
        <v>9.7238124913860899E-2</v>
      </c>
      <c r="N79" s="296">
        <v>0.35852404067006016</v>
      </c>
      <c r="O79" s="295">
        <v>0.10263855043955193</v>
      </c>
      <c r="P79" s="74">
        <v>81</v>
      </c>
      <c r="Q79" s="75">
        <v>70.797839884514644</v>
      </c>
      <c r="R79" s="76">
        <v>5.194</v>
      </c>
      <c r="S79" s="294">
        <v>0.26770755297445631</v>
      </c>
      <c r="T79" s="295">
        <v>9.7256311687412472E-2</v>
      </c>
      <c r="U79" s="296">
        <v>0.46825098885856375</v>
      </c>
      <c r="V79" s="295">
        <v>0.10826647704597106</v>
      </c>
      <c r="W79" s="74">
        <v>82</v>
      </c>
      <c r="X79" s="75">
        <v>78.222127460161389</v>
      </c>
      <c r="Y79" s="76">
        <v>5.4291999999999998</v>
      </c>
      <c r="Z79" s="294">
        <v>0.15779847020768045</v>
      </c>
      <c r="AA79" s="295">
        <v>8.170792611728929E-2</v>
      </c>
      <c r="AB79" s="296">
        <v>0.60120982324112293</v>
      </c>
      <c r="AC79" s="295">
        <v>0.105805281619851</v>
      </c>
      <c r="AD79" s="74">
        <v>82</v>
      </c>
      <c r="AE79" s="75">
        <v>73.367150868671118</v>
      </c>
      <c r="AF79" s="76">
        <v>4.508</v>
      </c>
      <c r="AG79" s="294">
        <v>0.26247507459897074</v>
      </c>
      <c r="AH79" s="295">
        <v>9.6136543693300602E-2</v>
      </c>
      <c r="AI79" s="296">
        <v>0.48545565761451381</v>
      </c>
      <c r="AJ79" s="295">
        <v>0.10779128894815188</v>
      </c>
      <c r="AK79" s="74">
        <v>82</v>
      </c>
      <c r="AL79" s="75">
        <v>67.566317031236522</v>
      </c>
      <c r="AM79" s="76">
        <v>5.8407999999999998</v>
      </c>
      <c r="AN79" s="294">
        <v>0.34559628626128597</v>
      </c>
      <c r="AO79" s="295">
        <v>0.10305240026946343</v>
      </c>
      <c r="AP79" s="296">
        <v>0.42756911468025582</v>
      </c>
      <c r="AQ79" s="295">
        <v>0.10679918978841199</v>
      </c>
      <c r="AR79" s="74">
        <v>81</v>
      </c>
      <c r="AS79" s="75">
        <v>71.044404490474264</v>
      </c>
      <c r="AT79" s="76">
        <v>5.4291999999999998</v>
      </c>
      <c r="AU79" s="294">
        <v>0.27264703664746653</v>
      </c>
      <c r="AV79" s="295">
        <v>9.775384310137851E-2</v>
      </c>
      <c r="AW79" s="296">
        <v>0.5000452381431828</v>
      </c>
      <c r="AX79" s="295">
        <v>0.10846522850618218</v>
      </c>
    </row>
    <row r="80" spans="1:50">
      <c r="A80" s="57" t="s">
        <v>449</v>
      </c>
      <c r="B80" s="71">
        <v>106</v>
      </c>
      <c r="C80" s="72">
        <v>70.312500297130114</v>
      </c>
      <c r="D80" s="73">
        <v>3.7827999999999999</v>
      </c>
      <c r="E80" s="291">
        <v>0.27309244824162915</v>
      </c>
      <c r="F80" s="292">
        <v>8.5745796124391135E-2</v>
      </c>
      <c r="G80" s="293">
        <v>0.40038270861380487</v>
      </c>
      <c r="H80" s="292">
        <v>9.3572527017766804E-2</v>
      </c>
      <c r="I80" s="71">
        <v>105</v>
      </c>
      <c r="J80" s="72">
        <v>63.561467577585788</v>
      </c>
      <c r="K80" s="73">
        <v>4.508</v>
      </c>
      <c r="L80" s="291">
        <v>0.38962390276607622</v>
      </c>
      <c r="M80" s="292">
        <v>9.3591904918542509E-2</v>
      </c>
      <c r="N80" s="293">
        <v>0.31769236916511828</v>
      </c>
      <c r="O80" s="292">
        <v>8.9680066182922416E-2</v>
      </c>
      <c r="P80" s="71">
        <v>106</v>
      </c>
      <c r="Q80" s="72">
        <v>67.966422126202261</v>
      </c>
      <c r="R80" s="73">
        <v>4.1355999999999993</v>
      </c>
      <c r="S80" s="291">
        <v>0.3304354482572166</v>
      </c>
      <c r="T80" s="292">
        <v>9.0111225808892248E-2</v>
      </c>
      <c r="U80" s="293">
        <v>0.46667660835365377</v>
      </c>
      <c r="V80" s="292">
        <v>9.5149421838113576E-2</v>
      </c>
      <c r="W80" s="71">
        <v>104</v>
      </c>
      <c r="X80" s="72">
        <v>69.610599066852828</v>
      </c>
      <c r="Y80" s="73">
        <v>4.2336</v>
      </c>
      <c r="Z80" s="291">
        <v>0.30016499944790359</v>
      </c>
      <c r="AA80" s="292">
        <v>8.8813009864934359E-2</v>
      </c>
      <c r="AB80" s="293">
        <v>0.49208440019319816</v>
      </c>
      <c r="AC80" s="292">
        <v>9.6213862589656945E-2</v>
      </c>
      <c r="AD80" s="71">
        <v>106</v>
      </c>
      <c r="AE80" s="72">
        <v>76.804601029480992</v>
      </c>
      <c r="AF80" s="73">
        <v>3.9787999999999997</v>
      </c>
      <c r="AG80" s="291">
        <v>0.18681864291646896</v>
      </c>
      <c r="AH80" s="292">
        <v>7.6019380039148585E-2</v>
      </c>
      <c r="AI80" s="293">
        <v>0.59998083903472199</v>
      </c>
      <c r="AJ80" s="292">
        <v>9.3559433283937746E-2</v>
      </c>
      <c r="AK80" s="71">
        <v>106</v>
      </c>
      <c r="AL80" s="72">
        <v>70.050099817187231</v>
      </c>
      <c r="AM80" s="73">
        <v>4.6844000000000001</v>
      </c>
      <c r="AN80" s="291">
        <v>0.27213478088490756</v>
      </c>
      <c r="AO80" s="292">
        <v>8.5659998096479131E-2</v>
      </c>
      <c r="AP80" s="293">
        <v>0.49290408822075149</v>
      </c>
      <c r="AQ80" s="292">
        <v>9.5337342376889789E-2</v>
      </c>
      <c r="AR80" s="71">
        <v>106</v>
      </c>
      <c r="AS80" s="72">
        <v>63.20965803242418</v>
      </c>
      <c r="AT80" s="73">
        <v>4.6452</v>
      </c>
      <c r="AU80" s="291">
        <v>0.42352772685360263</v>
      </c>
      <c r="AV80" s="292">
        <v>9.4305030859615613E-2</v>
      </c>
      <c r="AW80" s="293">
        <v>0.37791091796489545</v>
      </c>
      <c r="AX80" s="292">
        <v>9.266922605380154E-2</v>
      </c>
    </row>
    <row r="81" spans="1:51">
      <c r="A81" s="49" t="s">
        <v>454</v>
      </c>
      <c r="B81" s="74">
        <v>83</v>
      </c>
      <c r="C81" s="75">
        <v>68.427312736879841</v>
      </c>
      <c r="D81" s="76">
        <v>4.8412000000000006</v>
      </c>
      <c r="E81" s="294">
        <v>0.34596357262362382</v>
      </c>
      <c r="F81" s="295">
        <v>0.10247611122401967</v>
      </c>
      <c r="G81" s="296">
        <v>0.49309349694883309</v>
      </c>
      <c r="H81" s="295">
        <v>0.10720194404884802</v>
      </c>
      <c r="I81" s="74">
        <v>83</v>
      </c>
      <c r="J81" s="75">
        <v>66.994366636200354</v>
      </c>
      <c r="K81" s="76">
        <v>4.8216000000000001</v>
      </c>
      <c r="L81" s="294">
        <v>0.43870180470906178</v>
      </c>
      <c r="M81" s="295">
        <v>0.10647542542279526</v>
      </c>
      <c r="N81" s="296">
        <v>0.37435273608333203</v>
      </c>
      <c r="O81" s="295">
        <v>0.10408464557682306</v>
      </c>
      <c r="P81" s="74">
        <v>83</v>
      </c>
      <c r="Q81" s="75">
        <v>66.791657841602969</v>
      </c>
      <c r="R81" s="76">
        <v>4.7236000000000002</v>
      </c>
      <c r="S81" s="294">
        <v>0.3602879753568719</v>
      </c>
      <c r="T81" s="295">
        <v>0.10333166781561519</v>
      </c>
      <c r="U81" s="296">
        <v>0.42571419924540821</v>
      </c>
      <c r="V81" s="295">
        <v>0.10612882907349033</v>
      </c>
      <c r="W81" s="74">
        <v>83</v>
      </c>
      <c r="X81" s="75">
        <v>74.056440478540125</v>
      </c>
      <c r="Y81" s="76">
        <v>4.6844000000000001</v>
      </c>
      <c r="Z81" s="294">
        <v>0.32961656631587294</v>
      </c>
      <c r="AA81" s="295">
        <v>0.10138752126512342</v>
      </c>
      <c r="AB81" s="296">
        <v>0.5536046496040532</v>
      </c>
      <c r="AC81" s="295">
        <v>0.10664899856050929</v>
      </c>
      <c r="AD81" s="74">
        <v>83</v>
      </c>
      <c r="AE81" s="75">
        <v>83.065886257878049</v>
      </c>
      <c r="AF81" s="76">
        <v>3.8415999999999997</v>
      </c>
      <c r="AG81" s="294">
        <v>7.054183567641259E-2</v>
      </c>
      <c r="AH81" s="295">
        <v>6.1451892889508634E-2</v>
      </c>
      <c r="AI81" s="296">
        <v>0.61019604673975281</v>
      </c>
      <c r="AJ81" s="295">
        <v>0.10481462020266401</v>
      </c>
      <c r="AK81" s="74">
        <v>82</v>
      </c>
      <c r="AL81" s="75">
        <v>74.234236370635969</v>
      </c>
      <c r="AM81" s="76">
        <v>5.6252000000000004</v>
      </c>
      <c r="AN81" s="294">
        <v>0.1991708334958161</v>
      </c>
      <c r="AO81" s="295">
        <v>8.8324052147608009E-2</v>
      </c>
      <c r="AP81" s="296">
        <v>0.43453098091696785</v>
      </c>
      <c r="AQ81" s="295">
        <v>0.10698907804780333</v>
      </c>
      <c r="AR81" s="74">
        <v>83</v>
      </c>
      <c r="AS81" s="75">
        <v>65.653734313339783</v>
      </c>
      <c r="AT81" s="76">
        <v>5.5271999999999997</v>
      </c>
      <c r="AU81" s="294">
        <v>0.41847718988157334</v>
      </c>
      <c r="AV81" s="295">
        <v>0.10590629259844596</v>
      </c>
      <c r="AW81" s="296">
        <v>0.38379827963978158</v>
      </c>
      <c r="AX81" s="295">
        <v>0.1045428487568066</v>
      </c>
    </row>
    <row r="82" spans="1:51">
      <c r="A82" s="5"/>
      <c r="B82" s="5"/>
      <c r="C82" s="5"/>
      <c r="D82" s="5"/>
      <c r="G82" s="5"/>
      <c r="H82" s="5"/>
      <c r="I82" s="5"/>
      <c r="J82" s="5"/>
      <c r="K82" s="5"/>
      <c r="L82" s="5"/>
      <c r="M82" s="5"/>
      <c r="N82" s="5"/>
      <c r="O82" s="5"/>
      <c r="P82" s="5"/>
      <c r="Q82" s="5"/>
      <c r="R82" s="5"/>
      <c r="S82" s="5"/>
      <c r="T82" s="5"/>
      <c r="U82" s="5"/>
      <c r="V82" s="5"/>
      <c r="W82" s="5"/>
      <c r="X82" s="5"/>
      <c r="Y82" s="5"/>
      <c r="Z82" s="5"/>
      <c r="AA82" s="5"/>
      <c r="AB82" s="5"/>
      <c r="AC82" s="5"/>
      <c r="AD82" s="5"/>
      <c r="AE82" s="5"/>
      <c r="AF82" s="5"/>
      <c r="AG82" s="5"/>
      <c r="AH82" s="5"/>
      <c r="AI82" s="5"/>
      <c r="AJ82" s="5"/>
      <c r="AK82" s="5"/>
      <c r="AL82" s="5"/>
      <c r="AM82" s="5"/>
      <c r="AN82" s="5"/>
      <c r="AO82" s="5"/>
      <c r="AP82" s="5"/>
      <c r="AQ82" s="5"/>
      <c r="AR82" s="5"/>
      <c r="AS82" s="5"/>
      <c r="AT82" s="5"/>
      <c r="AU82" s="5"/>
      <c r="AV82" s="5"/>
      <c r="AW82" s="5"/>
      <c r="AX82" s="5"/>
      <c r="AY82" s="5"/>
    </row>
    <row r="83" spans="1:51">
      <c r="A83" s="5"/>
      <c r="B83" s="5"/>
      <c r="C83" s="5"/>
      <c r="D83" s="5"/>
      <c r="G83" s="5"/>
      <c r="H83" s="5"/>
      <c r="I83" s="5"/>
      <c r="J83" s="5"/>
      <c r="K83" s="5"/>
      <c r="L83" s="5"/>
      <c r="M83" s="5"/>
      <c r="N83" s="5"/>
      <c r="O83" s="5"/>
      <c r="P83" s="5"/>
      <c r="Q83" s="5"/>
      <c r="R83" s="5"/>
      <c r="S83" s="5"/>
      <c r="T83" s="5"/>
      <c r="U83" s="5"/>
      <c r="V83" s="5"/>
      <c r="W83" s="5"/>
      <c r="X83" s="5"/>
      <c r="Y83" s="5"/>
      <c r="Z83" s="5"/>
      <c r="AA83" s="5"/>
      <c r="AB83" s="5"/>
      <c r="AC83" s="5"/>
      <c r="AD83" s="5"/>
      <c r="AE83" s="5"/>
      <c r="AF83" s="5"/>
      <c r="AG83" s="5"/>
      <c r="AH83" s="5"/>
      <c r="AI83" s="5"/>
      <c r="AJ83" s="5"/>
      <c r="AK83" s="5"/>
      <c r="AL83" s="5"/>
      <c r="AM83" s="5"/>
      <c r="AN83" s="5"/>
      <c r="AO83" s="5"/>
      <c r="AP83" s="5"/>
      <c r="AQ83" s="5"/>
      <c r="AR83" s="5"/>
      <c r="AS83" s="5"/>
      <c r="AT83" s="5"/>
      <c r="AU83" s="5"/>
      <c r="AV83" s="5"/>
      <c r="AW83" s="5"/>
      <c r="AX83" s="5"/>
      <c r="AY83" s="5"/>
    </row>
    <row r="84" spans="1:51">
      <c r="A84" s="5"/>
      <c r="B84" s="5"/>
      <c r="C84" s="5"/>
      <c r="D84" s="5"/>
      <c r="G84" s="5"/>
      <c r="H84" s="5"/>
      <c r="I84" s="5"/>
      <c r="J84" s="5"/>
      <c r="K84" s="5"/>
      <c r="L84" s="5"/>
      <c r="M84" s="5"/>
      <c r="N84" s="5"/>
      <c r="O84" s="5"/>
      <c r="P84" s="5"/>
      <c r="Q84" s="5"/>
      <c r="R84" s="5"/>
      <c r="S84" s="5"/>
      <c r="T84" s="5"/>
      <c r="U84" s="5"/>
      <c r="V84" s="5"/>
      <c r="W84" s="5"/>
      <c r="X84" s="5"/>
      <c r="Y84" s="5"/>
      <c r="Z84" s="5"/>
      <c r="AA84" s="5"/>
      <c r="AB84" s="5"/>
      <c r="AC84" s="5"/>
      <c r="AD84" s="5"/>
      <c r="AE84" s="5"/>
      <c r="AF84" s="5"/>
      <c r="AG84" s="5"/>
      <c r="AH84" s="5"/>
      <c r="AI84" s="5"/>
      <c r="AJ84" s="5"/>
      <c r="AK84" s="5"/>
      <c r="AL84" s="5"/>
      <c r="AM84" s="5"/>
      <c r="AN84" s="5"/>
      <c r="AO84" s="5"/>
      <c r="AP84" s="5"/>
      <c r="AQ84" s="5"/>
      <c r="AR84" s="5"/>
      <c r="AS84" s="5"/>
      <c r="AT84" s="5"/>
      <c r="AU84" s="5"/>
      <c r="AV84" s="5"/>
      <c r="AW84" s="5"/>
      <c r="AX84" s="5"/>
      <c r="AY84" s="5"/>
    </row>
    <row r="85" spans="1:51">
      <c r="A85" s="5"/>
      <c r="B85" s="5"/>
      <c r="C85" s="5"/>
      <c r="D85" s="5"/>
      <c r="G85" s="5"/>
      <c r="H85" s="5"/>
      <c r="I85" s="5"/>
      <c r="J85" s="5"/>
      <c r="K85" s="5"/>
      <c r="L85" s="5"/>
      <c r="M85" s="5"/>
      <c r="N85" s="5"/>
      <c r="O85" s="5"/>
      <c r="P85" s="5"/>
      <c r="Q85" s="5"/>
      <c r="R85" s="5"/>
      <c r="S85" s="5"/>
      <c r="T85" s="5"/>
      <c r="U85" s="5"/>
      <c r="V85" s="5"/>
      <c r="W85" s="5"/>
      <c r="X85" s="5"/>
      <c r="Y85" s="5"/>
      <c r="Z85" s="5"/>
      <c r="AA85" s="5"/>
      <c r="AB85" s="5"/>
      <c r="AC85" s="5"/>
      <c r="AD85" s="5"/>
      <c r="AE85" s="5"/>
      <c r="AF85" s="5"/>
      <c r="AG85" s="5"/>
      <c r="AH85" s="5"/>
      <c r="AI85" s="5"/>
      <c r="AJ85" s="5"/>
      <c r="AK85" s="5"/>
      <c r="AL85" s="5"/>
      <c r="AM85" s="5"/>
      <c r="AN85" s="5"/>
      <c r="AO85" s="5"/>
      <c r="AP85" s="5"/>
      <c r="AQ85" s="5"/>
      <c r="AR85" s="5"/>
      <c r="AS85" s="5"/>
      <c r="AT85" s="5"/>
      <c r="AU85" s="5"/>
      <c r="AV85" s="5"/>
      <c r="AW85" s="5"/>
      <c r="AX85" s="5"/>
      <c r="AY85" s="5"/>
    </row>
    <row r="86" spans="1:51" s="5" customFormat="1"/>
    <row r="87" spans="1:51" s="5" customFormat="1"/>
    <row r="88" spans="1:51" s="5" customFormat="1"/>
    <row r="89" spans="1:51">
      <c r="B89" s="5"/>
      <c r="C89" s="5"/>
      <c r="D89" s="5"/>
      <c r="G89" s="5"/>
      <c r="H89" s="5"/>
      <c r="I89" s="5"/>
      <c r="J89" s="5"/>
      <c r="K89" s="5"/>
      <c r="L89" s="5"/>
      <c r="M89" s="5"/>
      <c r="N89" s="5"/>
      <c r="O89" s="5"/>
      <c r="P89" s="5"/>
      <c r="Q89" s="5"/>
      <c r="R89" s="5"/>
      <c r="S89" s="5"/>
      <c r="T89" s="5"/>
      <c r="U89" s="5"/>
      <c r="V89" s="5"/>
      <c r="W89" s="5"/>
      <c r="X89" s="5"/>
      <c r="Y89" s="5"/>
      <c r="Z89" s="5"/>
      <c r="AA89" s="5"/>
      <c r="AB89" s="5"/>
      <c r="AC89" s="5"/>
      <c r="AD89" s="5"/>
      <c r="AE89" s="5"/>
      <c r="AF89" s="5"/>
      <c r="AG89" s="5"/>
      <c r="AH89" s="5"/>
      <c r="AI89" s="5"/>
      <c r="AJ89" s="5"/>
      <c r="AK89" s="5"/>
      <c r="AL89" s="5"/>
      <c r="AM89" s="5"/>
      <c r="AN89" s="5"/>
      <c r="AO89" s="5"/>
      <c r="AP89" s="5"/>
      <c r="AQ89" s="5"/>
      <c r="AR89" s="5"/>
      <c r="AS89" s="5"/>
      <c r="AT89" s="5"/>
      <c r="AU89" s="5"/>
      <c r="AV89" s="5"/>
      <c r="AW89" s="5"/>
      <c r="AX89" s="5"/>
      <c r="AY89" s="5"/>
    </row>
    <row r="90" spans="1:51" ht="18.75">
      <c r="A90" s="316" t="s">
        <v>285</v>
      </c>
      <c r="B90" s="316"/>
      <c r="C90" s="316"/>
      <c r="D90" s="316"/>
      <c r="E90" s="316"/>
      <c r="F90" s="316"/>
      <c r="G90" s="316"/>
      <c r="H90" s="316"/>
    </row>
    <row r="91" spans="1:51" ht="72.75" customHeight="1">
      <c r="A91" s="318" t="s">
        <v>289</v>
      </c>
      <c r="B91" s="318"/>
      <c r="C91" s="318"/>
      <c r="D91" s="318"/>
      <c r="E91" s="318"/>
      <c r="F91" s="318"/>
      <c r="G91" s="318"/>
      <c r="H91" s="318"/>
    </row>
    <row r="92" spans="1:51" ht="40.5" customHeight="1">
      <c r="A92" s="319" t="s">
        <v>286</v>
      </c>
      <c r="B92" s="320"/>
      <c r="C92" s="320"/>
      <c r="D92" s="320"/>
      <c r="E92" s="320"/>
      <c r="F92" s="320"/>
      <c r="G92" s="320"/>
      <c r="H92" s="321"/>
    </row>
    <row r="93" spans="1:51" ht="42" customHeight="1">
      <c r="A93" s="37" t="s">
        <v>85</v>
      </c>
      <c r="B93" s="38" t="s">
        <v>86</v>
      </c>
      <c r="C93" s="39" t="s">
        <v>87</v>
      </c>
      <c r="D93" s="40" t="s">
        <v>88</v>
      </c>
      <c r="E93" s="39" t="s">
        <v>410</v>
      </c>
      <c r="F93" s="40" t="s">
        <v>414</v>
      </c>
      <c r="G93" s="39" t="s">
        <v>412</v>
      </c>
      <c r="H93" s="40" t="s">
        <v>415</v>
      </c>
    </row>
    <row r="94" spans="1:51" ht="109.5" customHeight="1">
      <c r="A94" s="41"/>
      <c r="B94" s="42" t="s">
        <v>89</v>
      </c>
      <c r="C94" s="43" t="s">
        <v>292</v>
      </c>
      <c r="D94" s="44" t="s">
        <v>91</v>
      </c>
      <c r="E94" s="43" t="s">
        <v>411</v>
      </c>
      <c r="F94" s="91" t="s">
        <v>104</v>
      </c>
      <c r="G94" s="43" t="s">
        <v>413</v>
      </c>
      <c r="H94" s="91" t="s">
        <v>104</v>
      </c>
    </row>
    <row r="95" spans="1:51">
      <c r="A95" s="45" t="s">
        <v>436</v>
      </c>
      <c r="B95" s="77">
        <v>8473</v>
      </c>
      <c r="C95" s="78">
        <v>70.806989823608035</v>
      </c>
      <c r="D95" s="79">
        <v>0.51492840677209151</v>
      </c>
      <c r="E95" s="291">
        <v>0.24759942993317427</v>
      </c>
      <c r="F95" s="292">
        <v>9.3773112832664183E-3</v>
      </c>
      <c r="G95" s="291">
        <v>0.48110213296680271</v>
      </c>
      <c r="H95" s="292">
        <v>1.0853474272107861E-2</v>
      </c>
    </row>
    <row r="96" spans="1:51">
      <c r="A96" s="49" t="s">
        <v>437</v>
      </c>
      <c r="B96" s="80">
        <v>7880</v>
      </c>
      <c r="C96" s="81">
        <v>70.44400108077626</v>
      </c>
      <c r="D96" s="82">
        <v>0.54099223729664803</v>
      </c>
      <c r="E96" s="294">
        <v>0.2534547164679693</v>
      </c>
      <c r="F96" s="295">
        <v>9.7995404287269244E-3</v>
      </c>
      <c r="G96" s="294">
        <v>0.47528367173406427</v>
      </c>
      <c r="H96" s="295">
        <v>1.1248535004562479E-2</v>
      </c>
    </row>
    <row r="97" spans="1:8" s="5" customFormat="1">
      <c r="A97" s="53" t="s">
        <v>438</v>
      </c>
      <c r="B97" s="77">
        <v>761</v>
      </c>
      <c r="C97" s="78">
        <v>65.640626999999995</v>
      </c>
      <c r="D97" s="79">
        <v>1.7664499999999999</v>
      </c>
      <c r="E97" s="290">
        <v>0.318</v>
      </c>
      <c r="F97" s="297">
        <v>3.3701611773795291E-2</v>
      </c>
      <c r="G97" s="290">
        <v>0.373</v>
      </c>
      <c r="H97" s="297">
        <v>3.498191714501106E-2</v>
      </c>
    </row>
    <row r="98" spans="1:8" s="5" customFormat="1">
      <c r="A98" s="49" t="s">
        <v>439</v>
      </c>
      <c r="B98" s="80">
        <v>730</v>
      </c>
      <c r="C98" s="81">
        <v>69.723588219436778</v>
      </c>
      <c r="D98" s="82">
        <v>1.80511348673622</v>
      </c>
      <c r="E98" s="294">
        <v>0.27964060385122191</v>
      </c>
      <c r="F98" s="295">
        <v>3.3176067325272188E-2</v>
      </c>
      <c r="G98" s="294">
        <v>0.51592778372418557</v>
      </c>
      <c r="H98" s="295">
        <v>3.6892144385217401E-2</v>
      </c>
    </row>
    <row r="99" spans="1:8" s="5" customFormat="1">
      <c r="A99" s="53" t="s">
        <v>440</v>
      </c>
      <c r="B99" s="77">
        <v>645</v>
      </c>
      <c r="C99" s="78">
        <v>70.360130999999996</v>
      </c>
      <c r="D99" s="79">
        <v>1.8228</v>
      </c>
      <c r="E99" s="290">
        <v>0.28000000000000003</v>
      </c>
      <c r="F99" s="297">
        <v>3.5301455171720536E-2</v>
      </c>
      <c r="G99" s="290">
        <v>0.49099999999999999</v>
      </c>
      <c r="H99" s="297">
        <v>3.9247152184459858E-2</v>
      </c>
    </row>
    <row r="100" spans="1:8" s="5" customFormat="1">
      <c r="A100" s="49" t="s">
        <v>453</v>
      </c>
      <c r="B100" s="80">
        <v>112</v>
      </c>
      <c r="C100" s="81">
        <v>77.55582863629985</v>
      </c>
      <c r="D100" s="82">
        <v>3.7843658817962567</v>
      </c>
      <c r="E100" s="294">
        <v>0.15822852925886538</v>
      </c>
      <c r="F100" s="295">
        <v>6.9755503153778195E-2</v>
      </c>
      <c r="G100" s="294">
        <v>0.71991787054887424</v>
      </c>
      <c r="H100" s="295">
        <v>8.4059515438072704E-2</v>
      </c>
    </row>
    <row r="101" spans="1:8" s="5" customFormat="1">
      <c r="A101" s="53" t="s">
        <v>441</v>
      </c>
      <c r="B101" s="77">
        <v>61</v>
      </c>
      <c r="C101" s="78">
        <v>78.143121503024659</v>
      </c>
      <c r="D101" s="79">
        <v>5.8280619089152959</v>
      </c>
      <c r="E101" s="290">
        <v>0.15425889345369617</v>
      </c>
      <c r="F101" s="297">
        <v>9.437165105413127E-2</v>
      </c>
      <c r="G101" s="290">
        <v>0.67399482686870127</v>
      </c>
      <c r="H101" s="297">
        <v>0.11723407425986289</v>
      </c>
    </row>
    <row r="102" spans="1:8" s="5" customFormat="1">
      <c r="A102" s="49" t="s">
        <v>446</v>
      </c>
      <c r="B102" s="80">
        <v>87</v>
      </c>
      <c r="C102" s="81">
        <v>59.949936874466324</v>
      </c>
      <c r="D102" s="82">
        <v>7.127335101656219</v>
      </c>
      <c r="E102" s="294">
        <v>0.43313633544048297</v>
      </c>
      <c r="F102" s="295">
        <v>0.10396822109789257</v>
      </c>
      <c r="G102" s="294">
        <v>0.4549430127074453</v>
      </c>
      <c r="H102" s="295">
        <v>0.1044387235163535</v>
      </c>
    </row>
    <row r="103" spans="1:8" s="5" customFormat="1">
      <c r="A103" s="53" t="s">
        <v>447</v>
      </c>
      <c r="B103" s="77">
        <v>104</v>
      </c>
      <c r="C103" s="78">
        <v>64.648838318820111</v>
      </c>
      <c r="D103" s="79">
        <v>4.3814950104958266</v>
      </c>
      <c r="E103" s="290">
        <v>0.39941622307145391</v>
      </c>
      <c r="F103" s="297">
        <v>9.440229915276159E-2</v>
      </c>
      <c r="G103" s="290">
        <v>0.38153112654404442</v>
      </c>
      <c r="H103" s="297">
        <v>9.3686928233436037E-2</v>
      </c>
    </row>
    <row r="104" spans="1:8" s="5" customFormat="1">
      <c r="A104" s="49" t="s">
        <v>442</v>
      </c>
      <c r="B104" s="80">
        <v>71</v>
      </c>
      <c r="C104" s="81">
        <v>63.717021508066686</v>
      </c>
      <c r="D104" s="82">
        <v>5.7235532259829256</v>
      </c>
      <c r="E104" s="294">
        <v>0.45439903365912393</v>
      </c>
      <c r="F104" s="295">
        <v>0.11503887917737668</v>
      </c>
      <c r="G104" s="294">
        <v>0.40058823490553419</v>
      </c>
      <c r="H104" s="295">
        <v>0.11340625373387617</v>
      </c>
    </row>
    <row r="105" spans="1:8" s="5" customFormat="1">
      <c r="A105" s="45" t="s">
        <v>448</v>
      </c>
      <c r="B105" s="77">
        <v>250</v>
      </c>
      <c r="C105" s="78">
        <v>70.384841268760724</v>
      </c>
      <c r="D105" s="79">
        <v>2.796707927967681</v>
      </c>
      <c r="E105" s="291">
        <v>0.25381571126478092</v>
      </c>
      <c r="F105" s="292">
        <v>5.4885297438196784E-2</v>
      </c>
      <c r="G105" s="291">
        <v>0.47464386442165807</v>
      </c>
      <c r="H105" s="292">
        <v>6.2667370456815308E-2</v>
      </c>
    </row>
    <row r="106" spans="1:8" s="5" customFormat="1" ht="25.5">
      <c r="A106" s="49" t="s">
        <v>443</v>
      </c>
      <c r="B106" s="80">
        <v>110</v>
      </c>
      <c r="C106" s="81">
        <v>73.307817265062113</v>
      </c>
      <c r="D106" s="82">
        <v>4.0118562417189709</v>
      </c>
      <c r="E106" s="294">
        <v>0.19513475434863692</v>
      </c>
      <c r="F106" s="295">
        <v>7.5733850375791084E-2</v>
      </c>
      <c r="G106" s="294">
        <v>0.50592863314467296</v>
      </c>
      <c r="H106" s="295">
        <v>9.3652450930470296E-2</v>
      </c>
    </row>
    <row r="107" spans="1:8" ht="25.5">
      <c r="A107" s="53" t="s">
        <v>444</v>
      </c>
      <c r="B107" s="83">
        <v>70</v>
      </c>
      <c r="C107" s="84">
        <v>64.129259834964429</v>
      </c>
      <c r="D107" s="85">
        <v>5.5295532322844458</v>
      </c>
      <c r="E107" s="290">
        <v>0.41450515306088215</v>
      </c>
      <c r="F107" s="297">
        <v>0.11471691983246503</v>
      </c>
      <c r="G107" s="290">
        <v>0.37735986143514233</v>
      </c>
      <c r="H107" s="297">
        <v>0.11307530649319344</v>
      </c>
    </row>
    <row r="108" spans="1:8">
      <c r="A108" s="49" t="s">
        <v>445</v>
      </c>
      <c r="B108" s="80">
        <v>70</v>
      </c>
      <c r="C108" s="81">
        <v>70.963322471934859</v>
      </c>
      <c r="D108" s="82">
        <v>5.3009354474740542</v>
      </c>
      <c r="E108" s="294">
        <v>0.21442238398219546</v>
      </c>
      <c r="F108" s="295">
        <v>9.7820532453328668E-2</v>
      </c>
      <c r="G108" s="294">
        <v>0.50483751494864737</v>
      </c>
      <c r="H108" s="295">
        <v>0.11624277018399518</v>
      </c>
    </row>
    <row r="109" spans="1:8">
      <c r="A109" s="57" t="s">
        <v>449</v>
      </c>
      <c r="B109" s="77">
        <v>96</v>
      </c>
      <c r="C109" s="78">
        <v>69.094925306933931</v>
      </c>
      <c r="D109" s="79">
        <v>5.0018046756956682</v>
      </c>
      <c r="E109" s="291">
        <v>0.26192754159108822</v>
      </c>
      <c r="F109" s="292">
        <v>8.8941576012715545E-2</v>
      </c>
      <c r="G109" s="291">
        <v>0.46079377731527638</v>
      </c>
      <c r="H109" s="292">
        <v>9.971627408401032E-2</v>
      </c>
    </row>
    <row r="110" spans="1:8">
      <c r="A110" s="49" t="s">
        <v>454</v>
      </c>
      <c r="B110" s="80">
        <v>72</v>
      </c>
      <c r="C110" s="81">
        <v>76.616743547115149</v>
      </c>
      <c r="D110" s="82">
        <v>5.3960149094712104</v>
      </c>
      <c r="E110" s="294">
        <v>0.16925071108680637</v>
      </c>
      <c r="F110" s="295">
        <v>8.9388904068748387E-2</v>
      </c>
      <c r="G110" s="294">
        <v>0.66895125067198002</v>
      </c>
      <c r="H110" s="295">
        <v>0.10867166653508192</v>
      </c>
    </row>
    <row r="111" spans="1:8">
      <c r="A111" s="5"/>
      <c r="B111" s="5"/>
      <c r="C111" s="5"/>
      <c r="D111" s="5"/>
      <c r="G111" s="5"/>
      <c r="H111" s="5"/>
    </row>
    <row r="112" spans="1:8">
      <c r="A112" s="5"/>
      <c r="B112" s="5"/>
      <c r="C112" s="5"/>
      <c r="D112" s="5"/>
      <c r="G112" s="5"/>
      <c r="H112" s="5"/>
    </row>
    <row r="113" spans="1:23">
      <c r="A113" s="5"/>
      <c r="B113" s="5"/>
      <c r="C113" s="5"/>
      <c r="D113" s="5"/>
      <c r="G113" s="5"/>
      <c r="H113" s="5"/>
    </row>
    <row r="114" spans="1:23">
      <c r="A114" s="5"/>
      <c r="B114" s="5"/>
      <c r="C114" s="5"/>
      <c r="D114" s="5"/>
      <c r="G114" s="5"/>
      <c r="H114" s="5"/>
    </row>
    <row r="115" spans="1:23">
      <c r="A115" s="5"/>
      <c r="B115" s="5"/>
      <c r="C115" s="5"/>
      <c r="D115" s="5"/>
      <c r="G115" s="5"/>
      <c r="H115" s="5"/>
    </row>
    <row r="116" spans="1:23">
      <c r="A116" s="5"/>
      <c r="B116" s="5"/>
      <c r="C116" s="5"/>
      <c r="D116" s="5"/>
      <c r="G116" s="5"/>
      <c r="H116" s="5"/>
    </row>
    <row r="117" spans="1:23" s="5" customFormat="1"/>
    <row r="119" spans="1:23" s="5" customFormat="1" ht="18.75">
      <c r="A119" s="324" t="s">
        <v>248</v>
      </c>
      <c r="B119" s="324"/>
      <c r="C119" s="324"/>
      <c r="D119" s="324"/>
      <c r="E119" s="324"/>
      <c r="F119" s="324"/>
      <c r="G119" s="324"/>
      <c r="H119" s="324"/>
      <c r="I119" s="324"/>
      <c r="J119" s="324"/>
      <c r="K119" s="324"/>
      <c r="L119" s="324"/>
      <c r="M119" s="324"/>
      <c r="N119" s="324"/>
      <c r="O119" s="324"/>
      <c r="P119" s="324"/>
      <c r="Q119" s="324"/>
      <c r="R119" s="324"/>
      <c r="S119" s="324"/>
      <c r="T119" s="324"/>
      <c r="U119" s="324"/>
      <c r="V119" s="324"/>
      <c r="W119" s="227"/>
    </row>
    <row r="120" spans="1:23" s="5" customFormat="1" ht="69.75" customHeight="1">
      <c r="A120" s="318" t="s">
        <v>288</v>
      </c>
      <c r="B120" s="318"/>
      <c r="C120" s="318"/>
      <c r="D120" s="318"/>
      <c r="E120" s="318"/>
      <c r="F120" s="318"/>
      <c r="G120" s="318"/>
      <c r="H120" s="318"/>
      <c r="I120" s="318"/>
      <c r="J120" s="318"/>
      <c r="K120" s="318"/>
      <c r="L120" s="318"/>
      <c r="M120" s="318"/>
      <c r="N120" s="318"/>
      <c r="O120" s="318"/>
      <c r="P120" s="318"/>
      <c r="Q120" s="318"/>
      <c r="R120" s="318"/>
      <c r="S120" s="318"/>
      <c r="T120" s="318"/>
      <c r="U120" s="318"/>
      <c r="V120" s="318"/>
    </row>
    <row r="121" spans="1:23" s="5" customFormat="1" ht="48.75" customHeight="1">
      <c r="A121" s="64" t="s">
        <v>287</v>
      </c>
      <c r="B121" s="325" t="s">
        <v>251</v>
      </c>
      <c r="C121" s="326"/>
      <c r="D121" s="326"/>
      <c r="E121" s="326"/>
      <c r="F121" s="326"/>
      <c r="G121" s="326"/>
      <c r="H121" s="327"/>
      <c r="I121" s="319" t="s">
        <v>250</v>
      </c>
      <c r="J121" s="320"/>
      <c r="K121" s="320"/>
      <c r="L121" s="320"/>
      <c r="M121" s="320"/>
      <c r="N121" s="320"/>
      <c r="O121" s="321"/>
      <c r="P121" s="319" t="s">
        <v>249</v>
      </c>
      <c r="Q121" s="320"/>
      <c r="R121" s="320"/>
      <c r="S121" s="320"/>
      <c r="T121" s="320"/>
      <c r="U121" s="320"/>
      <c r="V121" s="321"/>
    </row>
    <row r="122" spans="1:23" s="5" customFormat="1" ht="43.5" customHeight="1">
      <c r="A122" s="37" t="s">
        <v>85</v>
      </c>
      <c r="B122" s="65" t="s">
        <v>86</v>
      </c>
      <c r="C122" s="66" t="s">
        <v>87</v>
      </c>
      <c r="D122" s="67" t="s">
        <v>88</v>
      </c>
      <c r="E122" s="66" t="s">
        <v>410</v>
      </c>
      <c r="F122" s="67" t="s">
        <v>414</v>
      </c>
      <c r="G122" s="66" t="s">
        <v>412</v>
      </c>
      <c r="H122" s="67" t="s">
        <v>415</v>
      </c>
      <c r="I122" s="38" t="s">
        <v>86</v>
      </c>
      <c r="J122" s="39" t="s">
        <v>87</v>
      </c>
      <c r="K122" s="40" t="s">
        <v>88</v>
      </c>
      <c r="L122" s="38" t="s">
        <v>410</v>
      </c>
      <c r="M122" s="40" t="s">
        <v>414</v>
      </c>
      <c r="N122" s="39" t="s">
        <v>412</v>
      </c>
      <c r="O122" s="40" t="s">
        <v>414</v>
      </c>
      <c r="P122" s="65" t="s">
        <v>86</v>
      </c>
      <c r="Q122" s="66" t="s">
        <v>87</v>
      </c>
      <c r="R122" s="67" t="s">
        <v>88</v>
      </c>
      <c r="S122" s="65" t="s">
        <v>410</v>
      </c>
      <c r="T122" s="67" t="s">
        <v>414</v>
      </c>
      <c r="U122" s="66" t="s">
        <v>412</v>
      </c>
      <c r="V122" s="67" t="s">
        <v>414</v>
      </c>
    </row>
    <row r="123" spans="1:23" s="5" customFormat="1" ht="102" customHeight="1">
      <c r="A123" s="41"/>
      <c r="B123" s="68" t="s">
        <v>89</v>
      </c>
      <c r="C123" s="69" t="s">
        <v>291</v>
      </c>
      <c r="D123" s="70" t="s">
        <v>91</v>
      </c>
      <c r="E123" s="69" t="s">
        <v>411</v>
      </c>
      <c r="F123" s="70" t="s">
        <v>104</v>
      </c>
      <c r="G123" s="69" t="s">
        <v>413</v>
      </c>
      <c r="H123" s="70" t="s">
        <v>104</v>
      </c>
      <c r="I123" s="42" t="s">
        <v>89</v>
      </c>
      <c r="J123" s="43" t="s">
        <v>291</v>
      </c>
      <c r="K123" s="44" t="s">
        <v>91</v>
      </c>
      <c r="L123" s="42" t="s">
        <v>411</v>
      </c>
      <c r="M123" s="44" t="s">
        <v>104</v>
      </c>
      <c r="N123" s="126" t="s">
        <v>413</v>
      </c>
      <c r="O123" s="44" t="s">
        <v>104</v>
      </c>
      <c r="P123" s="68" t="s">
        <v>89</v>
      </c>
      <c r="Q123" s="69" t="s">
        <v>291</v>
      </c>
      <c r="R123" s="70" t="s">
        <v>91</v>
      </c>
      <c r="S123" s="68" t="s">
        <v>411</v>
      </c>
      <c r="T123" s="70" t="s">
        <v>104</v>
      </c>
      <c r="U123" s="272" t="s">
        <v>413</v>
      </c>
      <c r="V123" s="70" t="s">
        <v>104</v>
      </c>
    </row>
    <row r="124" spans="1:23" s="5" customFormat="1">
      <c r="A124" s="45" t="s">
        <v>436</v>
      </c>
      <c r="B124" s="71">
        <v>8491</v>
      </c>
      <c r="C124" s="72">
        <v>70.399518061868122</v>
      </c>
      <c r="D124" s="73">
        <v>0.53619615294243306</v>
      </c>
      <c r="E124" s="291">
        <v>0.23131496043345545</v>
      </c>
      <c r="F124" s="292">
        <v>9.1518179047843772E-3</v>
      </c>
      <c r="G124" s="291">
        <v>0.52110929631772962</v>
      </c>
      <c r="H124" s="292">
        <v>1.0840049934782769E-2</v>
      </c>
      <c r="I124" s="71">
        <v>8447</v>
      </c>
      <c r="J124" s="72">
        <v>70.267714083041696</v>
      </c>
      <c r="K124" s="73">
        <v>0.54635054899507263</v>
      </c>
      <c r="L124" s="291">
        <v>0.23848285544073899</v>
      </c>
      <c r="M124" s="292">
        <v>9.2730317625122349E-3</v>
      </c>
      <c r="N124" s="291">
        <v>0.5209637394983605</v>
      </c>
      <c r="O124" s="292">
        <v>1.0868365847424845E-2</v>
      </c>
      <c r="P124" s="71">
        <v>8449</v>
      </c>
      <c r="Q124" s="72">
        <v>71.782701149499644</v>
      </c>
      <c r="R124" s="73">
        <v>0.51698625336236859</v>
      </c>
      <c r="S124" s="291">
        <v>0.21020487256578041</v>
      </c>
      <c r="T124" s="292">
        <v>8.8655785948457411E-3</v>
      </c>
      <c r="U124" s="291">
        <v>0.54192800040856171</v>
      </c>
      <c r="V124" s="292">
        <v>1.0838362800324712E-2</v>
      </c>
    </row>
    <row r="125" spans="1:23" s="5" customFormat="1">
      <c r="A125" s="49" t="s">
        <v>437</v>
      </c>
      <c r="B125" s="74">
        <v>7899</v>
      </c>
      <c r="C125" s="75">
        <v>70.109020340270575</v>
      </c>
      <c r="D125" s="76">
        <v>0.56379391387449007</v>
      </c>
      <c r="E125" s="294">
        <v>0.23730527320594852</v>
      </c>
      <c r="F125" s="295">
        <v>9.572973216217074E-3</v>
      </c>
      <c r="G125" s="294">
        <v>0.51697043221518157</v>
      </c>
      <c r="H125" s="295">
        <v>1.1242268891900664E-2</v>
      </c>
      <c r="I125" s="74">
        <v>7856</v>
      </c>
      <c r="J125" s="75">
        <v>69.853980047782386</v>
      </c>
      <c r="K125" s="76">
        <v>0.5736991540951295</v>
      </c>
      <c r="L125" s="294">
        <v>0.24633941657954586</v>
      </c>
      <c r="M125" s="295">
        <v>9.7218774696788239E-3</v>
      </c>
      <c r="N125" s="294">
        <v>0.51553270193559531</v>
      </c>
      <c r="O125" s="295">
        <v>1.1274032417767699E-2</v>
      </c>
      <c r="P125" s="74">
        <v>7858</v>
      </c>
      <c r="Q125" s="75">
        <v>71.430504759033482</v>
      </c>
      <c r="R125" s="76">
        <v>0.54212618708031313</v>
      </c>
      <c r="S125" s="294">
        <v>0.21649141056625604</v>
      </c>
      <c r="T125" s="295">
        <v>9.292024433555382E-3</v>
      </c>
      <c r="U125" s="294">
        <v>0.5358577691871782</v>
      </c>
      <c r="V125" s="295">
        <v>1.124902615202634E-2</v>
      </c>
    </row>
    <row r="126" spans="1:23" s="5" customFormat="1">
      <c r="A126" s="53" t="s">
        <v>438</v>
      </c>
      <c r="B126" s="54">
        <v>761</v>
      </c>
      <c r="C126" s="55">
        <v>65.900000000000006</v>
      </c>
      <c r="D126" s="56">
        <v>1.8228</v>
      </c>
      <c r="E126" s="290">
        <v>0.28799999999999998</v>
      </c>
      <c r="F126" s="297">
        <v>3.2781692152615984E-2</v>
      </c>
      <c r="G126" s="290">
        <v>0.436</v>
      </c>
      <c r="H126" s="297">
        <v>3.5860785435346959E-2</v>
      </c>
      <c r="I126" s="54">
        <v>759</v>
      </c>
      <c r="J126" s="55">
        <v>64.900000000000006</v>
      </c>
      <c r="K126" s="56">
        <v>1.8815999999999999</v>
      </c>
      <c r="L126" s="290">
        <v>0.30599999999999999</v>
      </c>
      <c r="M126" s="297">
        <v>3.3397214344617086E-2</v>
      </c>
      <c r="N126" s="290">
        <v>0.42499999999999999</v>
      </c>
      <c r="O126" s="297">
        <v>3.5797143850661794E-2</v>
      </c>
      <c r="P126" s="54">
        <v>759</v>
      </c>
      <c r="Q126" s="55">
        <v>66.23</v>
      </c>
      <c r="R126" s="56">
        <v>1.8032000000000001</v>
      </c>
      <c r="S126" s="290">
        <v>0.27200000000000002</v>
      </c>
      <c r="T126" s="297">
        <v>3.2263627358025342E-2</v>
      </c>
      <c r="U126" s="290">
        <v>0.435</v>
      </c>
      <c r="V126" s="297">
        <v>3.5898442940051165E-2</v>
      </c>
    </row>
    <row r="127" spans="1:23" s="5" customFormat="1">
      <c r="A127" s="49" t="s">
        <v>439</v>
      </c>
      <c r="B127" s="74">
        <v>732</v>
      </c>
      <c r="C127" s="75">
        <v>68.051294632944618</v>
      </c>
      <c r="D127" s="76">
        <v>1.9587523624806076</v>
      </c>
      <c r="E127" s="294">
        <v>0.2699281372770766</v>
      </c>
      <c r="F127" s="295">
        <v>3.277399004151501E-2</v>
      </c>
      <c r="G127" s="294">
        <v>0.54574686975127429</v>
      </c>
      <c r="H127" s="295">
        <v>3.6707562724817462E-2</v>
      </c>
      <c r="I127" s="74">
        <v>727</v>
      </c>
      <c r="J127" s="75">
        <v>69.799304937313011</v>
      </c>
      <c r="K127" s="76">
        <v>1.9158492185087148</v>
      </c>
      <c r="L127" s="294">
        <v>0.24128133956643588</v>
      </c>
      <c r="M127" s="295">
        <v>3.1713076279837785E-2</v>
      </c>
      <c r="N127" s="294">
        <v>0.57317213739424722</v>
      </c>
      <c r="O127" s="295">
        <v>3.6592500219843414E-2</v>
      </c>
      <c r="P127" s="74">
        <v>727</v>
      </c>
      <c r="Q127" s="75">
        <v>71.230985435307602</v>
      </c>
      <c r="R127" s="76">
        <v>1.7997360358746506</v>
      </c>
      <c r="S127" s="294">
        <v>0.20154267780074317</v>
      </c>
      <c r="T127" s="295">
        <v>2.9763813362446892E-2</v>
      </c>
      <c r="U127" s="294">
        <v>0.56346680319972875</v>
      </c>
      <c r="V127" s="295">
        <v>3.6690439921727477E-2</v>
      </c>
    </row>
    <row r="128" spans="1:23" s="5" customFormat="1">
      <c r="A128" s="53" t="s">
        <v>440</v>
      </c>
      <c r="B128" s="54">
        <v>647</v>
      </c>
      <c r="C128" s="55">
        <v>68.25</v>
      </c>
      <c r="D128" s="56">
        <v>1.8228</v>
      </c>
      <c r="E128" s="290">
        <v>0.27400000000000002</v>
      </c>
      <c r="F128" s="297">
        <v>3.5015882615950032E-2</v>
      </c>
      <c r="G128" s="290">
        <v>0.52900000000000003</v>
      </c>
      <c r="H128" s="297">
        <v>3.9127920747067835E-2</v>
      </c>
      <c r="I128" s="54">
        <v>643</v>
      </c>
      <c r="J128" s="55">
        <v>70.680000000000007</v>
      </c>
      <c r="K128" s="56">
        <v>1.8423999999999998</v>
      </c>
      <c r="L128" s="290">
        <v>0.23599999999999999</v>
      </c>
      <c r="M128" s="297">
        <v>3.3466688361571635E-2</v>
      </c>
      <c r="N128" s="290">
        <v>0.57199999999999995</v>
      </c>
      <c r="O128" s="297">
        <v>3.8909390305533281E-2</v>
      </c>
      <c r="P128" s="54">
        <v>642</v>
      </c>
      <c r="Q128" s="55">
        <v>72.099999999999994</v>
      </c>
      <c r="R128" s="56">
        <v>1.8423999999999998</v>
      </c>
      <c r="S128" s="290">
        <v>0.187</v>
      </c>
      <c r="T128" s="297">
        <v>3.0803530238166888E-2</v>
      </c>
      <c r="U128" s="290">
        <v>0.53900000000000003</v>
      </c>
      <c r="V128" s="297">
        <v>3.9226087357753264E-2</v>
      </c>
    </row>
    <row r="129" spans="1:22" s="5" customFormat="1">
      <c r="A129" s="49" t="s">
        <v>453</v>
      </c>
      <c r="B129" s="74">
        <v>112</v>
      </c>
      <c r="C129" s="75">
        <v>77.286722862012141</v>
      </c>
      <c r="D129" s="76">
        <v>3.80963621110749</v>
      </c>
      <c r="E129" s="294">
        <v>0.14971050276161008</v>
      </c>
      <c r="F129" s="295">
        <v>6.8383710629937394E-2</v>
      </c>
      <c r="G129" s="294">
        <v>0.72265081179686708</v>
      </c>
      <c r="H129" s="295">
        <v>8.3827928091424878E-2</v>
      </c>
      <c r="I129" s="74">
        <v>111</v>
      </c>
      <c r="J129" s="75">
        <v>77.451469442197478</v>
      </c>
      <c r="K129" s="76">
        <v>3.9012032190431514</v>
      </c>
      <c r="L129" s="294">
        <v>0.1494800439940204</v>
      </c>
      <c r="M129" s="295">
        <v>6.8660270937389911E-2</v>
      </c>
      <c r="N129" s="294">
        <v>0.7391567513650511</v>
      </c>
      <c r="O129" s="295">
        <v>8.2717686394639764E-2</v>
      </c>
      <c r="P129" s="74">
        <v>112</v>
      </c>
      <c r="Q129" s="75">
        <v>77.764040259253903</v>
      </c>
      <c r="R129" s="76">
        <v>4.0116127458374189</v>
      </c>
      <c r="S129" s="294">
        <v>0.11968656224116572</v>
      </c>
      <c r="T129" s="295">
        <v>6.3017447300556056E-2</v>
      </c>
      <c r="U129" s="294">
        <v>0.7391139879855777</v>
      </c>
      <c r="V129" s="295">
        <v>8.235743240398212E-2</v>
      </c>
    </row>
    <row r="130" spans="1:22" s="5" customFormat="1">
      <c r="A130" s="53" t="s">
        <v>441</v>
      </c>
      <c r="B130" s="54">
        <v>61</v>
      </c>
      <c r="C130" s="55">
        <v>78.912228438810047</v>
      </c>
      <c r="D130" s="56">
        <v>5.7284244291642876</v>
      </c>
      <c r="E130" s="290">
        <v>0.13426450067317461</v>
      </c>
      <c r="F130" s="297">
        <v>9.0194340579739574E-2</v>
      </c>
      <c r="G130" s="290">
        <v>0.69423248056443154</v>
      </c>
      <c r="H130" s="297">
        <v>0.11549867968611746</v>
      </c>
      <c r="I130" s="54">
        <v>61</v>
      </c>
      <c r="J130" s="55">
        <v>78.175144594850579</v>
      </c>
      <c r="K130" s="56">
        <v>5.9920144212844937</v>
      </c>
      <c r="L130" s="290">
        <v>0.15348448002531259</v>
      </c>
      <c r="M130" s="297">
        <v>9.421758651703574E-2</v>
      </c>
      <c r="N130" s="290">
        <v>0.6792159098935513</v>
      </c>
      <c r="O130" s="297">
        <v>0.11680702107467943</v>
      </c>
      <c r="P130" s="54">
        <v>61</v>
      </c>
      <c r="Q130" s="55">
        <v>77.341991459445438</v>
      </c>
      <c r="R130" s="56">
        <v>6.1746370599681786</v>
      </c>
      <c r="S130" s="290">
        <v>0.14138817934113843</v>
      </c>
      <c r="T130" s="297">
        <v>9.1731561314071633E-2</v>
      </c>
      <c r="U130" s="290">
        <v>0.65437553285451444</v>
      </c>
      <c r="V130" s="297">
        <v>0.11871390028943478</v>
      </c>
    </row>
    <row r="131" spans="1:22" s="5" customFormat="1">
      <c r="A131" s="49" t="s">
        <v>446</v>
      </c>
      <c r="B131" s="74">
        <v>87</v>
      </c>
      <c r="C131" s="75">
        <v>58.377447063903212</v>
      </c>
      <c r="D131" s="76">
        <v>7.3990841711623379</v>
      </c>
      <c r="E131" s="294">
        <v>0.40694338046368467</v>
      </c>
      <c r="F131" s="295">
        <v>0.10315570476556167</v>
      </c>
      <c r="G131" s="294">
        <v>0.48185060921667489</v>
      </c>
      <c r="H131" s="295">
        <v>0.10476534143876126</v>
      </c>
      <c r="I131" s="74">
        <v>87</v>
      </c>
      <c r="J131" s="75">
        <v>59.899834534184038</v>
      </c>
      <c r="K131" s="76">
        <v>7.3953759284361036</v>
      </c>
      <c r="L131" s="294">
        <v>0.39198127292136531</v>
      </c>
      <c r="M131" s="295">
        <v>0.1025681596178856</v>
      </c>
      <c r="N131" s="294">
        <v>0.47032393391700783</v>
      </c>
      <c r="O131" s="295">
        <v>0.10465958443549511</v>
      </c>
      <c r="P131" s="74">
        <v>87</v>
      </c>
      <c r="Q131" s="75">
        <v>61.572530001902521</v>
      </c>
      <c r="R131" s="76">
        <v>7.0218614276110074</v>
      </c>
      <c r="S131" s="294">
        <v>0.35489459098496284</v>
      </c>
      <c r="T131" s="295">
        <v>0.10071279544909988</v>
      </c>
      <c r="U131" s="294">
        <v>0.48698087817113606</v>
      </c>
      <c r="V131" s="295">
        <v>0.10479599771254822</v>
      </c>
    </row>
    <row r="132" spans="1:22" s="5" customFormat="1">
      <c r="A132" s="53" t="s">
        <v>447</v>
      </c>
      <c r="B132" s="54">
        <v>104</v>
      </c>
      <c r="C132" s="55">
        <v>59.709476507832917</v>
      </c>
      <c r="D132" s="56">
        <v>5.5706466772895187</v>
      </c>
      <c r="E132" s="290">
        <v>0.40366274841690475</v>
      </c>
      <c r="F132" s="297">
        <v>9.4554290609374342E-2</v>
      </c>
      <c r="G132" s="290">
        <v>0.4735048008434618</v>
      </c>
      <c r="H132" s="297">
        <v>9.6099686116808816E-2</v>
      </c>
      <c r="I132" s="54">
        <v>104</v>
      </c>
      <c r="J132" s="55">
        <v>66.561747814851529</v>
      </c>
      <c r="K132" s="56">
        <v>5.062381013988813</v>
      </c>
      <c r="L132" s="290">
        <v>0.27610338762938585</v>
      </c>
      <c r="M132" s="297">
        <v>8.681927857098673E-2</v>
      </c>
      <c r="N132" s="290">
        <v>0.56183584100206629</v>
      </c>
      <c r="O132" s="297">
        <v>9.5540241392251105E-2</v>
      </c>
      <c r="P132" s="54">
        <v>104</v>
      </c>
      <c r="Q132" s="55">
        <v>67.675291411929749</v>
      </c>
      <c r="R132" s="56">
        <v>4.2032030858538549</v>
      </c>
      <c r="S132" s="290">
        <v>0.2684654914983321</v>
      </c>
      <c r="T132" s="297">
        <v>8.612850317692014E-2</v>
      </c>
      <c r="U132" s="290">
        <v>0.4038265960181936</v>
      </c>
      <c r="V132" s="297">
        <v>9.4560018910932839E-2</v>
      </c>
    </row>
    <row r="133" spans="1:22" s="5" customFormat="1">
      <c r="A133" s="49" t="s">
        <v>442</v>
      </c>
      <c r="B133" s="74">
        <v>71</v>
      </c>
      <c r="C133" s="75">
        <v>56.434311380951165</v>
      </c>
      <c r="D133" s="76">
        <v>7.4490890259241009</v>
      </c>
      <c r="E133" s="294">
        <v>0.45038445248699721</v>
      </c>
      <c r="F133" s="295">
        <v>0.11495944255830906</v>
      </c>
      <c r="G133" s="294">
        <v>0.4100960789220604</v>
      </c>
      <c r="H133" s="295">
        <v>0.11378493172889882</v>
      </c>
      <c r="I133" s="74">
        <v>71</v>
      </c>
      <c r="J133" s="75">
        <v>68.818332497042604</v>
      </c>
      <c r="K133" s="76">
        <v>6.3800252639926045</v>
      </c>
      <c r="L133" s="294">
        <v>0.25840603974056048</v>
      </c>
      <c r="M133" s="295">
        <v>0.10268195988947773</v>
      </c>
      <c r="N133" s="294">
        <v>0.55009529204233854</v>
      </c>
      <c r="O133" s="295">
        <v>0.11494949790968745</v>
      </c>
      <c r="P133" s="74">
        <v>71</v>
      </c>
      <c r="Q133" s="75">
        <v>65.89841926938729</v>
      </c>
      <c r="R133" s="76">
        <v>5.6433341149411334</v>
      </c>
      <c r="S133" s="294">
        <v>0.3679609911949302</v>
      </c>
      <c r="T133" s="295">
        <v>0.11180358203127444</v>
      </c>
      <c r="U133" s="294">
        <v>0.41370891634749402</v>
      </c>
      <c r="V133" s="295">
        <v>0.11391854981243199</v>
      </c>
    </row>
    <row r="134" spans="1:22" s="5" customFormat="1">
      <c r="A134" s="45" t="s">
        <v>448</v>
      </c>
      <c r="B134" s="71">
        <v>251</v>
      </c>
      <c r="C134" s="72">
        <v>69.585585318188024</v>
      </c>
      <c r="D134" s="73">
        <v>2.9055661192554876</v>
      </c>
      <c r="E134" s="291">
        <v>0.23076700928858582</v>
      </c>
      <c r="F134" s="292">
        <v>5.3102910670345026E-2</v>
      </c>
      <c r="G134" s="291">
        <v>0.49472098696990691</v>
      </c>
      <c r="H134" s="292">
        <v>6.261904733761961E-2</v>
      </c>
      <c r="I134" s="71">
        <v>249</v>
      </c>
      <c r="J134" s="72">
        <v>69.730924642339588</v>
      </c>
      <c r="K134" s="73">
        <v>2.9482628884374167</v>
      </c>
      <c r="L134" s="291">
        <v>0.23437550531190876</v>
      </c>
      <c r="M134" s="292">
        <v>5.359148990612024E-2</v>
      </c>
      <c r="N134" s="291">
        <v>0.52348280524497648</v>
      </c>
      <c r="O134" s="292">
        <v>6.2802262858246638E-2</v>
      </c>
      <c r="P134" s="71">
        <v>247</v>
      </c>
      <c r="Q134" s="72">
        <v>71.693752166262115</v>
      </c>
      <c r="R134" s="73">
        <v>2.9128147734703336</v>
      </c>
      <c r="S134" s="291">
        <v>0.17251195373118908</v>
      </c>
      <c r="T134" s="292">
        <v>4.8259362139132227E-2</v>
      </c>
      <c r="U134" s="291">
        <v>0.54019939639570635</v>
      </c>
      <c r="V134" s="292">
        <v>6.2921579451184997E-2</v>
      </c>
    </row>
    <row r="135" spans="1:22" s="5" customFormat="1" ht="25.5">
      <c r="A135" s="49" t="s">
        <v>443</v>
      </c>
      <c r="B135" s="74">
        <v>111</v>
      </c>
      <c r="C135" s="75">
        <v>72.80190809587765</v>
      </c>
      <c r="D135" s="76">
        <v>4.0170825143246232</v>
      </c>
      <c r="E135" s="294">
        <v>0.16452528593241486</v>
      </c>
      <c r="F135" s="295">
        <v>7.1054089867208556E-2</v>
      </c>
      <c r="G135" s="294">
        <v>0.51774822299596224</v>
      </c>
      <c r="H135" s="295">
        <v>9.3195732779317503E-2</v>
      </c>
      <c r="I135" s="74">
        <v>109</v>
      </c>
      <c r="J135" s="75">
        <v>73.037714086926641</v>
      </c>
      <c r="K135" s="76">
        <v>4.1243614718665</v>
      </c>
      <c r="L135" s="294">
        <v>0.17503451800580219</v>
      </c>
      <c r="M135" s="295">
        <v>7.3289678512851023E-2</v>
      </c>
      <c r="N135" s="294">
        <v>0.56432306273365773</v>
      </c>
      <c r="O135" s="295">
        <v>9.3344973745715112E-2</v>
      </c>
      <c r="P135" s="74">
        <v>109</v>
      </c>
      <c r="Q135" s="75">
        <v>73.955687940479336</v>
      </c>
      <c r="R135" s="76">
        <v>4.5092242141195173</v>
      </c>
      <c r="S135" s="294">
        <v>0.16461277321983889</v>
      </c>
      <c r="T135" s="295">
        <v>7.1726612714973853E-2</v>
      </c>
      <c r="U135" s="294">
        <v>0.61633267848226225</v>
      </c>
      <c r="V135" s="295">
        <v>9.1672340605517225E-2</v>
      </c>
    </row>
    <row r="136" spans="1:22" s="5" customFormat="1" ht="25.5">
      <c r="A136" s="53" t="s">
        <v>444</v>
      </c>
      <c r="B136" s="54">
        <v>70</v>
      </c>
      <c r="C136" s="55">
        <v>61.571844491926129</v>
      </c>
      <c r="D136" s="56">
        <v>5.896449551587871</v>
      </c>
      <c r="E136" s="290">
        <v>0.39684629683864348</v>
      </c>
      <c r="F136" s="297">
        <v>0.1140124620065064</v>
      </c>
      <c r="G136" s="290">
        <v>0.36031613244583705</v>
      </c>
      <c r="H136" s="297">
        <v>0.11211499109340553</v>
      </c>
      <c r="I136" s="54">
        <v>70</v>
      </c>
      <c r="J136" s="55">
        <v>63.207857857791247</v>
      </c>
      <c r="K136" s="56">
        <v>5.9072461801424492</v>
      </c>
      <c r="L136" s="290">
        <v>0.37055201642209018</v>
      </c>
      <c r="M136" s="297">
        <v>0.11270765885297089</v>
      </c>
      <c r="N136" s="290">
        <v>0.4059238444502104</v>
      </c>
      <c r="O136" s="297">
        <v>0.11439160085465917</v>
      </c>
      <c r="P136" s="54">
        <v>69</v>
      </c>
      <c r="Q136" s="55">
        <v>67.205555564200608</v>
      </c>
      <c r="R136" s="56">
        <v>5.3976937481677991</v>
      </c>
      <c r="S136" s="290">
        <v>0.17931878914404023</v>
      </c>
      <c r="T136" s="297">
        <v>9.3082537408123917E-2</v>
      </c>
      <c r="U136" s="290">
        <v>0.41093910125165567</v>
      </c>
      <c r="V136" s="297">
        <v>0.11537041822532935</v>
      </c>
    </row>
    <row r="137" spans="1:22" s="5" customFormat="1">
      <c r="A137" s="49" t="s">
        <v>445</v>
      </c>
      <c r="B137" s="74">
        <v>70</v>
      </c>
      <c r="C137" s="75">
        <v>71.113233238056594</v>
      </c>
      <c r="D137" s="76">
        <v>5.54407882139542</v>
      </c>
      <c r="E137" s="294">
        <v>0.19848734409307614</v>
      </c>
      <c r="F137" s="295">
        <v>9.5479611364295558E-2</v>
      </c>
      <c r="G137" s="294">
        <v>0.56661717263721023</v>
      </c>
      <c r="H137" s="295">
        <v>0.11532069337835969</v>
      </c>
      <c r="I137" s="74">
        <v>70</v>
      </c>
      <c r="J137" s="75">
        <v>69.999700981096211</v>
      </c>
      <c r="K137" s="76">
        <v>5.692314666658449</v>
      </c>
      <c r="L137" s="294">
        <v>0.21442238398219546</v>
      </c>
      <c r="M137" s="295">
        <v>9.7820532453328668E-2</v>
      </c>
      <c r="N137" s="294">
        <v>0.55607976033897266</v>
      </c>
      <c r="O137" s="295">
        <v>0.1155915139804552</v>
      </c>
      <c r="P137" s="74">
        <v>69</v>
      </c>
      <c r="Q137" s="75">
        <v>71.802218602790887</v>
      </c>
      <c r="R137" s="76">
        <v>5.3066555124794936</v>
      </c>
      <c r="S137" s="294">
        <v>0.17912390085848803</v>
      </c>
      <c r="T137" s="295">
        <v>9.3049653055466697E-2</v>
      </c>
      <c r="U137" s="294">
        <v>0.52665865230817965</v>
      </c>
      <c r="V137" s="295">
        <v>0.11689242581180878</v>
      </c>
    </row>
    <row r="138" spans="1:22" s="5" customFormat="1">
      <c r="A138" s="57" t="s">
        <v>449</v>
      </c>
      <c r="B138" s="71">
        <v>97</v>
      </c>
      <c r="C138" s="72">
        <v>67.603251582028619</v>
      </c>
      <c r="D138" s="73">
        <v>5.336724031499517</v>
      </c>
      <c r="E138" s="291">
        <v>0.26230147611801785</v>
      </c>
      <c r="F138" s="292">
        <v>8.8527242812159762E-2</v>
      </c>
      <c r="G138" s="291">
        <v>0.49315013786773126</v>
      </c>
      <c r="H138" s="292">
        <v>9.9495106059869484E-2</v>
      </c>
      <c r="I138" s="71">
        <v>96</v>
      </c>
      <c r="J138" s="72">
        <v>68.474118111756709</v>
      </c>
      <c r="K138" s="73">
        <v>5.3038736431689735</v>
      </c>
      <c r="L138" s="291">
        <v>0.24998246148355094</v>
      </c>
      <c r="M138" s="292">
        <v>8.77250062338297E-2</v>
      </c>
      <c r="N138" s="291">
        <v>0.47639651721955723</v>
      </c>
      <c r="O138" s="292">
        <v>9.9897258051168489E-2</v>
      </c>
      <c r="P138" s="71">
        <v>96</v>
      </c>
      <c r="Q138" s="72">
        <v>71.207593780010612</v>
      </c>
      <c r="R138" s="73">
        <v>4.680685954260662</v>
      </c>
      <c r="S138" s="291">
        <v>0.17404888564712798</v>
      </c>
      <c r="T138" s="292">
        <v>7.799625907994169E-2</v>
      </c>
      <c r="U138" s="291">
        <v>0.56710939231354129</v>
      </c>
      <c r="V138" s="292">
        <v>9.9166409077546799E-2</v>
      </c>
    </row>
    <row r="139" spans="1:22" s="5" customFormat="1">
      <c r="A139" s="49" t="s">
        <v>454</v>
      </c>
      <c r="B139" s="74">
        <v>72</v>
      </c>
      <c r="C139" s="75">
        <v>74.906107809572603</v>
      </c>
      <c r="D139" s="76">
        <v>5.7513119103830332</v>
      </c>
      <c r="E139" s="294">
        <v>0.18949920615576876</v>
      </c>
      <c r="F139" s="295">
        <v>9.275624266490716E-2</v>
      </c>
      <c r="G139" s="294">
        <v>0.65305094379569917</v>
      </c>
      <c r="H139" s="295">
        <v>0.10977878881528096</v>
      </c>
      <c r="I139" s="74">
        <v>71</v>
      </c>
      <c r="J139" s="75">
        <v>77.368005259383665</v>
      </c>
      <c r="K139" s="76">
        <v>5.7024531274985968</v>
      </c>
      <c r="L139" s="294">
        <v>0.1437390098884172</v>
      </c>
      <c r="M139" s="295">
        <v>8.5246441149549337E-2</v>
      </c>
      <c r="N139" s="294">
        <v>0.69939044371954784</v>
      </c>
      <c r="O139" s="295">
        <v>0.10692578466038576</v>
      </c>
      <c r="P139" s="74">
        <v>72</v>
      </c>
      <c r="Q139" s="75">
        <v>77.577747663170655</v>
      </c>
      <c r="R139" s="76">
        <v>5.4328361348614944</v>
      </c>
      <c r="S139" s="294">
        <v>0.14540444579366396</v>
      </c>
      <c r="T139" s="295">
        <v>8.4961064735630129E-2</v>
      </c>
      <c r="U139" s="294">
        <v>0.71088897473056312</v>
      </c>
      <c r="V139" s="295">
        <v>0.10515255426728312</v>
      </c>
    </row>
    <row r="140" spans="1:22" s="5" customFormat="1"/>
    <row r="141" spans="1:22" s="5" customFormat="1"/>
    <row r="142" spans="1:22" s="5" customFormat="1"/>
    <row r="143" spans="1:22" s="5" customFormat="1"/>
    <row r="144" spans="1:22" s="5" customFormat="1"/>
    <row r="145" s="5" customFormat="1"/>
    <row r="146" s="5" customFormat="1"/>
  </sheetData>
  <mergeCells count="23">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1"/>
  <sheetViews>
    <sheetView zoomScaleNormal="100" workbookViewId="0"/>
  </sheetViews>
  <sheetFormatPr defaultColWidth="18" defaultRowHeight="15"/>
  <cols>
    <col min="1" max="1" width="42.28515625" style="5" customWidth="1"/>
    <col min="2" max="4" width="19.42578125" style="5" customWidth="1"/>
    <col min="5" max="8" width="18" style="5"/>
    <col min="9" max="9" width="19.85546875" style="5" customWidth="1"/>
    <col min="10" max="16384" width="18" style="5"/>
  </cols>
  <sheetData>
    <row r="1" spans="1:43" ht="28.5">
      <c r="A1" s="36" t="s">
        <v>64</v>
      </c>
      <c r="P1" s="227"/>
      <c r="Q1" s="227"/>
      <c r="R1" s="227"/>
      <c r="S1" s="227"/>
      <c r="T1" s="227"/>
      <c r="U1" s="227"/>
      <c r="V1" s="227"/>
      <c r="W1" s="227"/>
      <c r="X1" s="227"/>
      <c r="Y1" s="227"/>
      <c r="Z1" s="227"/>
      <c r="AA1" s="227"/>
      <c r="AB1" s="227"/>
      <c r="AC1" s="227"/>
      <c r="AD1" s="227"/>
      <c r="AE1" s="227"/>
      <c r="AF1" s="227"/>
      <c r="AG1" s="227"/>
      <c r="AH1" s="227"/>
      <c r="AI1" s="227"/>
      <c r="AJ1" s="227"/>
      <c r="AK1" s="227"/>
    </row>
    <row r="2" spans="1:43">
      <c r="P2" s="227"/>
      <c r="Q2" s="227"/>
      <c r="R2" s="227"/>
      <c r="S2" s="227"/>
      <c r="T2" s="227"/>
      <c r="U2" s="227"/>
      <c r="V2" s="227"/>
      <c r="W2" s="227"/>
      <c r="X2" s="227"/>
      <c r="Y2" s="227"/>
      <c r="Z2" s="227"/>
      <c r="AA2" s="227"/>
      <c r="AB2" s="227"/>
      <c r="AC2" s="227"/>
      <c r="AD2" s="227"/>
      <c r="AE2" s="227"/>
      <c r="AF2" s="227"/>
      <c r="AG2" s="227"/>
      <c r="AH2" s="227"/>
      <c r="AI2" s="227"/>
      <c r="AJ2" s="227"/>
      <c r="AK2" s="227"/>
    </row>
    <row r="3" spans="1:43" ht="18.75">
      <c r="A3" s="339" t="s">
        <v>33</v>
      </c>
      <c r="B3" s="339"/>
      <c r="C3" s="339"/>
      <c r="D3" s="339"/>
      <c r="E3" s="339"/>
      <c r="F3" s="339"/>
      <c r="G3" s="339"/>
      <c r="H3" s="339"/>
      <c r="I3" s="339"/>
      <c r="J3" s="339"/>
      <c r="K3" s="339"/>
      <c r="L3" s="339"/>
      <c r="M3" s="339"/>
      <c r="N3" s="339"/>
      <c r="O3" s="339"/>
      <c r="P3" s="339"/>
      <c r="Q3" s="339"/>
      <c r="R3" s="339"/>
      <c r="S3" s="339"/>
      <c r="T3" s="339"/>
      <c r="U3" s="339"/>
      <c r="V3" s="339"/>
      <c r="W3" s="339"/>
      <c r="X3" s="266"/>
      <c r="Y3" s="266"/>
      <c r="Z3" s="266"/>
      <c r="AA3" s="266"/>
      <c r="AB3" s="266"/>
      <c r="AC3" s="266"/>
      <c r="AD3" s="266"/>
      <c r="AE3" s="266"/>
      <c r="AF3" s="266"/>
      <c r="AG3" s="266"/>
      <c r="AH3" s="266"/>
      <c r="AI3" s="266"/>
      <c r="AJ3" s="266"/>
      <c r="AK3" s="227"/>
    </row>
    <row r="4" spans="1:43" ht="62.25" customHeight="1">
      <c r="A4" s="338" t="s">
        <v>381</v>
      </c>
      <c r="B4" s="338"/>
      <c r="C4" s="338"/>
      <c r="D4" s="338"/>
      <c r="E4" s="338"/>
      <c r="F4" s="338"/>
      <c r="G4" s="338"/>
      <c r="H4" s="338"/>
      <c r="I4" s="338"/>
      <c r="J4" s="338"/>
      <c r="K4" s="338"/>
      <c r="L4" s="338"/>
      <c r="M4" s="338"/>
      <c r="N4" s="338"/>
      <c r="O4" s="338"/>
      <c r="P4" s="338"/>
      <c r="Q4" s="338"/>
      <c r="R4" s="338"/>
      <c r="S4" s="338"/>
      <c r="T4" s="338"/>
      <c r="U4" s="338"/>
      <c r="V4" s="338"/>
      <c r="W4" s="338"/>
      <c r="X4" s="264"/>
      <c r="Y4" s="264"/>
      <c r="Z4" s="264"/>
      <c r="AA4" s="264"/>
      <c r="AB4" s="264"/>
      <c r="AC4" s="265"/>
      <c r="AD4" s="264"/>
      <c r="AE4" s="264"/>
      <c r="AF4" s="264"/>
      <c r="AG4" s="264"/>
      <c r="AH4" s="264"/>
      <c r="AI4" s="264"/>
      <c r="AJ4" s="264"/>
      <c r="AK4" s="227"/>
    </row>
    <row r="5" spans="1:43" ht="39.75" customHeight="1">
      <c r="A5" s="64"/>
      <c r="B5" s="341" t="s">
        <v>100</v>
      </c>
      <c r="C5" s="342"/>
      <c r="D5" s="342"/>
      <c r="E5" s="342"/>
      <c r="F5" s="342"/>
      <c r="G5" s="342"/>
      <c r="H5" s="342"/>
      <c r="I5" s="342"/>
      <c r="J5" s="342"/>
      <c r="K5" s="342"/>
      <c r="L5" s="343"/>
      <c r="M5" s="344" t="s">
        <v>252</v>
      </c>
      <c r="N5" s="345"/>
      <c r="O5" s="345"/>
      <c r="P5" s="345"/>
      <c r="Q5" s="345"/>
      <c r="R5" s="345"/>
      <c r="S5" s="345"/>
      <c r="T5" s="345"/>
      <c r="U5" s="345"/>
      <c r="V5" s="345"/>
      <c r="W5" s="345"/>
      <c r="X5" s="227"/>
      <c r="Y5" s="227"/>
      <c r="Z5" s="227"/>
      <c r="AA5" s="227"/>
      <c r="AB5" s="227"/>
      <c r="AC5" s="227"/>
      <c r="AD5" s="227"/>
      <c r="AE5" s="227"/>
      <c r="AF5" s="227"/>
      <c r="AG5" s="227"/>
      <c r="AH5" s="227"/>
      <c r="AI5" s="227"/>
      <c r="AJ5" s="227"/>
      <c r="AK5" s="227"/>
      <c r="AL5" s="227"/>
      <c r="AM5" s="227"/>
      <c r="AN5" s="227"/>
      <c r="AO5" s="227"/>
    </row>
    <row r="6" spans="1:43" ht="72">
      <c r="A6" s="37" t="s">
        <v>85</v>
      </c>
      <c r="B6" s="38" t="s">
        <v>86</v>
      </c>
      <c r="C6" s="39" t="s">
        <v>87</v>
      </c>
      <c r="D6" s="40" t="s">
        <v>88</v>
      </c>
      <c r="E6" s="38" t="s">
        <v>178</v>
      </c>
      <c r="F6" s="89" t="s">
        <v>101</v>
      </c>
      <c r="G6" s="38" t="s">
        <v>179</v>
      </c>
      <c r="H6" s="89" t="s">
        <v>102</v>
      </c>
      <c r="I6" s="38" t="s">
        <v>180</v>
      </c>
      <c r="J6" s="89" t="s">
        <v>103</v>
      </c>
      <c r="K6" s="38" t="s">
        <v>357</v>
      </c>
      <c r="L6" s="89" t="s">
        <v>356</v>
      </c>
      <c r="M6" s="65" t="s">
        <v>86</v>
      </c>
      <c r="N6" s="65" t="s">
        <v>87</v>
      </c>
      <c r="O6" s="65" t="s">
        <v>88</v>
      </c>
      <c r="P6" s="65" t="s">
        <v>178</v>
      </c>
      <c r="Q6" s="88" t="s">
        <v>101</v>
      </c>
      <c r="R6" s="65" t="s">
        <v>179</v>
      </c>
      <c r="S6" s="88" t="s">
        <v>102</v>
      </c>
      <c r="T6" s="65" t="s">
        <v>180</v>
      </c>
      <c r="U6" s="88" t="s">
        <v>103</v>
      </c>
      <c r="V6" s="65" t="s">
        <v>357</v>
      </c>
      <c r="W6" s="88" t="s">
        <v>356</v>
      </c>
      <c r="X6" s="227"/>
      <c r="Y6" s="227"/>
      <c r="Z6" s="227"/>
      <c r="AA6" s="227"/>
      <c r="AB6" s="227"/>
      <c r="AC6" s="227"/>
      <c r="AD6" s="227"/>
      <c r="AE6" s="227"/>
      <c r="AF6" s="227"/>
      <c r="AG6" s="227"/>
      <c r="AH6" s="227"/>
      <c r="AI6" s="227"/>
      <c r="AJ6" s="227"/>
      <c r="AK6" s="227"/>
      <c r="AL6" s="227"/>
      <c r="AM6" s="227"/>
      <c r="AN6" s="227"/>
      <c r="AO6" s="227"/>
      <c r="AP6" s="227"/>
      <c r="AQ6" s="227"/>
    </row>
    <row r="7" spans="1:43" ht="92.25" customHeight="1">
      <c r="A7" s="41"/>
      <c r="B7" s="42" t="s">
        <v>89</v>
      </c>
      <c r="C7" s="43" t="s">
        <v>358</v>
      </c>
      <c r="D7" s="44" t="s">
        <v>91</v>
      </c>
      <c r="E7" s="42" t="s">
        <v>181</v>
      </c>
      <c r="F7" s="91" t="s">
        <v>104</v>
      </c>
      <c r="G7" s="42" t="s">
        <v>182</v>
      </c>
      <c r="H7" s="91" t="s">
        <v>104</v>
      </c>
      <c r="I7" s="42" t="s">
        <v>183</v>
      </c>
      <c r="J7" s="91" t="s">
        <v>104</v>
      </c>
      <c r="K7" s="42" t="s">
        <v>357</v>
      </c>
      <c r="L7" s="91" t="s">
        <v>104</v>
      </c>
      <c r="M7" s="68" t="s">
        <v>89</v>
      </c>
      <c r="N7" s="68" t="s">
        <v>358</v>
      </c>
      <c r="O7" s="68" t="s">
        <v>91</v>
      </c>
      <c r="P7" s="68" t="s">
        <v>181</v>
      </c>
      <c r="Q7" s="90" t="s">
        <v>104</v>
      </c>
      <c r="R7" s="68" t="s">
        <v>182</v>
      </c>
      <c r="S7" s="90" t="s">
        <v>104</v>
      </c>
      <c r="T7" s="68" t="s">
        <v>183</v>
      </c>
      <c r="U7" s="90" t="s">
        <v>104</v>
      </c>
      <c r="V7" s="68" t="s">
        <v>357</v>
      </c>
      <c r="W7" s="90" t="s">
        <v>104</v>
      </c>
    </row>
    <row r="8" spans="1:43">
      <c r="A8" s="45" t="s">
        <v>436</v>
      </c>
      <c r="B8" s="99">
        <v>9381</v>
      </c>
      <c r="C8" s="100">
        <v>5.2260135235325373</v>
      </c>
      <c r="D8" s="101">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0">
        <v>5.5</v>
      </c>
      <c r="O8" s="101">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7</v>
      </c>
      <c r="B9" s="103">
        <v>8740</v>
      </c>
      <c r="C9" s="104">
        <v>5.2</v>
      </c>
      <c r="D9" s="105">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4">
        <v>5.5</v>
      </c>
      <c r="O9" s="105">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53" t="s">
        <v>438</v>
      </c>
      <c r="B10" s="99">
        <v>839</v>
      </c>
      <c r="C10" s="100">
        <v>5</v>
      </c>
      <c r="D10" s="101">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0">
        <v>5</v>
      </c>
      <c r="O10" s="101">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9</v>
      </c>
      <c r="B11" s="103">
        <v>809</v>
      </c>
      <c r="C11" s="104">
        <v>5.2111941121361758</v>
      </c>
      <c r="D11" s="105">
        <v>9.8000000000000004E-2</v>
      </c>
      <c r="E11" s="96">
        <v>8.3739476036878632E-2</v>
      </c>
      <c r="F11" s="97">
        <v>1.9643564737039935E-2</v>
      </c>
      <c r="G11" s="96">
        <v>0.15969161211181912</v>
      </c>
      <c r="H11" s="97">
        <v>2.5803398763060897E-2</v>
      </c>
      <c r="I11" s="96">
        <v>0.70189413977286363</v>
      </c>
      <c r="J11" s="97">
        <v>3.2115938824054981E-2</v>
      </c>
      <c r="K11" s="96">
        <v>5.4674772078436892E-2</v>
      </c>
      <c r="L11" s="97">
        <v>1.6244151271464388E-2</v>
      </c>
      <c r="M11" s="95">
        <v>807</v>
      </c>
      <c r="N11" s="104">
        <v>5.6</v>
      </c>
      <c r="O11" s="105">
        <v>9.8000000000000004E-2</v>
      </c>
      <c r="P11" s="96">
        <v>0.106</v>
      </c>
      <c r="Q11" s="97">
        <v>2.1792828855418188E-2</v>
      </c>
      <c r="R11" s="96">
        <v>0.108</v>
      </c>
      <c r="S11" s="97">
        <v>2.1968260894568898E-2</v>
      </c>
      <c r="T11" s="96">
        <v>0.77500000000000002</v>
      </c>
      <c r="U11" s="97">
        <v>2.9389107162470274E-2</v>
      </c>
      <c r="V11" s="96">
        <v>1.0999999999999999E-2</v>
      </c>
      <c r="W11" s="97">
        <v>8.0785172364261568E-3</v>
      </c>
    </row>
    <row r="12" spans="1:43">
      <c r="A12" s="53" t="s">
        <v>440</v>
      </c>
      <c r="B12" s="99">
        <v>700</v>
      </c>
      <c r="C12" s="100">
        <v>5.25</v>
      </c>
      <c r="D12" s="101">
        <v>9.8000000000000004E-2</v>
      </c>
      <c r="E12" s="93">
        <v>8.2000000000000003E-2</v>
      </c>
      <c r="F12" s="94">
        <v>2.0951223029906003E-2</v>
      </c>
      <c r="G12" s="93">
        <v>0.156</v>
      </c>
      <c r="H12" s="94">
        <v>2.7490174590287852E-2</v>
      </c>
      <c r="I12" s="93">
        <v>0.73299999999999998</v>
      </c>
      <c r="J12" s="94">
        <v>3.3398945941418991E-2</v>
      </c>
      <c r="K12" s="93">
        <v>0.03</v>
      </c>
      <c r="L12" s="94">
        <v>1.3400113624274018E-2</v>
      </c>
      <c r="M12" s="92">
        <v>718</v>
      </c>
      <c r="N12" s="100">
        <v>5.62</v>
      </c>
      <c r="O12" s="101">
        <v>0.1176</v>
      </c>
      <c r="P12" s="93">
        <v>8.8999999999999996E-2</v>
      </c>
      <c r="Q12" s="94">
        <v>2.143669622292357E-2</v>
      </c>
      <c r="R12" s="93">
        <v>7.0000000000000007E-2</v>
      </c>
      <c r="S12" s="94">
        <v>1.9286881888815201E-2</v>
      </c>
      <c r="T12" s="93">
        <v>0.83599999999999997</v>
      </c>
      <c r="U12" s="94">
        <v>2.7685557305741664E-2</v>
      </c>
      <c r="V12" s="93">
        <v>6.0000000000000001E-3</v>
      </c>
      <c r="W12" s="94">
        <v>6.926807571443378E-3</v>
      </c>
    </row>
    <row r="13" spans="1:43">
      <c r="A13" s="49" t="s">
        <v>453</v>
      </c>
      <c r="B13" s="103">
        <v>131</v>
      </c>
      <c r="C13" s="104">
        <v>5.3905201581039179</v>
      </c>
      <c r="D13" s="105">
        <v>0.23519999999999999</v>
      </c>
      <c r="E13" s="96">
        <v>5.7429662560852322E-2</v>
      </c>
      <c r="F13" s="97">
        <v>4.407621781364511E-2</v>
      </c>
      <c r="G13" s="96">
        <v>0.14287378027328926</v>
      </c>
      <c r="H13" s="97">
        <v>6.2041030495735894E-2</v>
      </c>
      <c r="I13" s="96">
        <v>0.69375859410438534</v>
      </c>
      <c r="J13" s="97">
        <v>7.9749493451588715E-2</v>
      </c>
      <c r="K13" s="96">
        <v>0.10593796306147285</v>
      </c>
      <c r="L13" s="97">
        <v>5.5452576097985928E-2</v>
      </c>
      <c r="M13" s="95">
        <v>131</v>
      </c>
      <c r="N13" s="104">
        <v>6.2</v>
      </c>
      <c r="O13" s="105">
        <v>0.21559999999999999</v>
      </c>
      <c r="P13" s="96">
        <v>2.654764659654377E-2</v>
      </c>
      <c r="Q13" s="97">
        <v>3.3962708829389031E-2</v>
      </c>
      <c r="R13" s="96">
        <v>5.4939055080975942E-2</v>
      </c>
      <c r="S13" s="97">
        <v>4.3370885572316623E-2</v>
      </c>
      <c r="T13" s="96">
        <v>0.91851329832248041</v>
      </c>
      <c r="U13" s="97">
        <v>5.0206184940681214E-2</v>
      </c>
      <c r="V13" s="96">
        <v>0</v>
      </c>
      <c r="W13" s="97">
        <v>2.07955380376675E-2</v>
      </c>
    </row>
    <row r="14" spans="1:43">
      <c r="A14" s="53" t="s">
        <v>441</v>
      </c>
      <c r="B14" s="99">
        <v>76</v>
      </c>
      <c r="C14" s="100">
        <v>5.3079689006295716</v>
      </c>
      <c r="D14" s="101">
        <v>0.3332</v>
      </c>
      <c r="E14" s="93">
        <v>9.3462880810075116E-2</v>
      </c>
      <c r="F14" s="94">
        <v>7.1007616695493658E-2</v>
      </c>
      <c r="G14" s="93">
        <v>0.15797415863342837</v>
      </c>
      <c r="H14" s="94">
        <v>8.497765508159591E-2</v>
      </c>
      <c r="I14" s="93">
        <v>0.64899790168478233</v>
      </c>
      <c r="J14" s="94">
        <v>0.10722969780508863</v>
      </c>
      <c r="K14" s="93">
        <v>9.9565058871713741E-2</v>
      </c>
      <c r="L14" s="94">
        <v>7.255542770049539E-2</v>
      </c>
      <c r="M14" s="92">
        <v>76</v>
      </c>
      <c r="N14" s="100">
        <v>6.1</v>
      </c>
      <c r="O14" s="101">
        <v>0.29399999999999998</v>
      </c>
      <c r="P14" s="93">
        <v>5.1516498825016681E-2</v>
      </c>
      <c r="Q14" s="94">
        <v>5.8512157125413022E-2</v>
      </c>
      <c r="R14" s="93">
        <v>5.1422938824535996E-2</v>
      </c>
      <c r="S14" s="94">
        <v>5.8479784848669537E-2</v>
      </c>
      <c r="T14" s="93">
        <v>0.89706056235044729</v>
      </c>
      <c r="U14" s="94">
        <v>7.3387490799834823E-2</v>
      </c>
      <c r="V14" s="93">
        <v>0</v>
      </c>
      <c r="W14" s="94">
        <v>3.4910600109422353E-2</v>
      </c>
    </row>
    <row r="15" spans="1:43">
      <c r="A15" s="49" t="s">
        <v>446</v>
      </c>
      <c r="B15" s="103">
        <v>93</v>
      </c>
      <c r="C15" s="104">
        <v>5.0081051808663206</v>
      </c>
      <c r="D15" s="105">
        <v>0.27440000000000003</v>
      </c>
      <c r="E15" s="96">
        <v>0.10547761069452585</v>
      </c>
      <c r="F15" s="97">
        <v>6.640219429629779E-2</v>
      </c>
      <c r="G15" s="96">
        <v>0.19531355556671415</v>
      </c>
      <c r="H15" s="97">
        <v>8.2403259118528194E-2</v>
      </c>
      <c r="I15" s="96">
        <v>0.53212460502061409</v>
      </c>
      <c r="J15" s="97">
        <v>0.10134179533893949</v>
      </c>
      <c r="K15" s="96">
        <v>0.16708422871814543</v>
      </c>
      <c r="L15" s="97">
        <v>7.8153820451329237E-2</v>
      </c>
      <c r="M15" s="95">
        <v>93</v>
      </c>
      <c r="N15" s="104">
        <v>4.8</v>
      </c>
      <c r="O15" s="105">
        <v>0.31359999999999999</v>
      </c>
      <c r="P15" s="96">
        <v>0.26603713745760688</v>
      </c>
      <c r="Q15" s="97">
        <v>9.0743281572194787E-2</v>
      </c>
      <c r="R15" s="96">
        <v>9.9927551193983763E-2</v>
      </c>
      <c r="S15" s="97">
        <v>6.5131275545382325E-2</v>
      </c>
      <c r="T15" s="96">
        <v>0.63403531134840962</v>
      </c>
      <c r="U15" s="97">
        <v>9.8123774740678585E-2</v>
      </c>
      <c r="V15" s="96">
        <v>0</v>
      </c>
      <c r="W15" s="97">
        <v>2.885686812463846E-2</v>
      </c>
    </row>
    <row r="16" spans="1:43">
      <c r="A16" s="53" t="s">
        <v>447</v>
      </c>
      <c r="B16" s="99">
        <v>112</v>
      </c>
      <c r="C16" s="100">
        <v>5.4064839261677662</v>
      </c>
      <c r="D16" s="101">
        <v>0.19600000000000001</v>
      </c>
      <c r="E16" s="93">
        <v>5.4176385632932138E-2</v>
      </c>
      <c r="F16" s="94">
        <v>4.7238377496557675E-2</v>
      </c>
      <c r="G16" s="93">
        <v>0.10470893903643765</v>
      </c>
      <c r="H16" s="94">
        <v>5.9981430718121682E-2</v>
      </c>
      <c r="I16" s="93">
        <v>0.84087927985235311</v>
      </c>
      <c r="J16" s="94">
        <v>6.9895698548502028E-2</v>
      </c>
      <c r="K16" s="93">
        <v>2.3539547827745519E-4</v>
      </c>
      <c r="L16" s="94">
        <v>2.4327863761832436E-2</v>
      </c>
      <c r="M16" s="92">
        <v>111</v>
      </c>
      <c r="N16" s="100">
        <v>5.7</v>
      </c>
      <c r="O16" s="101">
        <v>0.27440000000000003</v>
      </c>
      <c r="P16" s="93">
        <v>6.820481388303419E-2</v>
      </c>
      <c r="Q16" s="94">
        <v>5.1515326496270927E-2</v>
      </c>
      <c r="R16" s="93">
        <v>4.1520556728161837E-2</v>
      </c>
      <c r="S16" s="94">
        <v>4.3405122901931818E-2</v>
      </c>
      <c r="T16" s="93">
        <v>0.88118320555166174</v>
      </c>
      <c r="U16" s="94">
        <v>6.3144126402430001E-2</v>
      </c>
      <c r="V16" s="93">
        <v>9.0914238371421537E-3</v>
      </c>
      <c r="W16" s="94">
        <v>2.9771196337324751E-2</v>
      </c>
    </row>
    <row r="17" spans="1:45">
      <c r="A17" s="49" t="s">
        <v>442</v>
      </c>
      <c r="B17" s="103">
        <v>78</v>
      </c>
      <c r="C17" s="104">
        <v>5.428651774338082</v>
      </c>
      <c r="D17" s="105">
        <v>0.23519999999999999</v>
      </c>
      <c r="E17" s="96">
        <v>5.7992094944217316E-2</v>
      </c>
      <c r="F17" s="97">
        <v>5.976568220709258E-2</v>
      </c>
      <c r="G17" s="96">
        <v>0.14990606328698355</v>
      </c>
      <c r="H17" s="97">
        <v>8.2373397728120246E-2</v>
      </c>
      <c r="I17" s="96">
        <v>0.79210184176879861</v>
      </c>
      <c r="J17" s="97">
        <v>9.1810442644994966E-2</v>
      </c>
      <c r="K17" s="96">
        <v>0</v>
      </c>
      <c r="L17" s="97">
        <v>3.406977052534528E-2</v>
      </c>
      <c r="M17" s="95">
        <v>77</v>
      </c>
      <c r="N17" s="104">
        <v>5.6</v>
      </c>
      <c r="O17" s="105">
        <v>0.31359999999999999</v>
      </c>
      <c r="P17" s="96">
        <v>6.8633345278741667E-2</v>
      </c>
      <c r="Q17" s="97">
        <v>6.3575375974978962E-2</v>
      </c>
      <c r="R17" s="96">
        <v>6.3681311096841789E-2</v>
      </c>
      <c r="S17" s="97">
        <v>6.2049011237765919E-2</v>
      </c>
      <c r="T17" s="96">
        <v>0.86768534362441652</v>
      </c>
      <c r="U17" s="97">
        <v>7.9451871405141247E-2</v>
      </c>
      <c r="V17" s="96">
        <v>0</v>
      </c>
      <c r="W17" s="97">
        <v>3.4485061975244265E-2</v>
      </c>
    </row>
    <row r="18" spans="1:45">
      <c r="A18" s="45" t="s">
        <v>448</v>
      </c>
      <c r="B18" s="99">
        <v>282</v>
      </c>
      <c r="C18" s="100">
        <v>5.1846080093920435</v>
      </c>
      <c r="D18" s="101">
        <v>0.13720000000000002</v>
      </c>
      <c r="E18" s="93">
        <v>5.4691009308166061E-2</v>
      </c>
      <c r="F18" s="94">
        <v>2.8286241552314479E-2</v>
      </c>
      <c r="G18" s="93">
        <v>0.19449171474582908</v>
      </c>
      <c r="H18" s="94">
        <v>4.7195058473778417E-2</v>
      </c>
      <c r="I18" s="93">
        <v>0.72343916430460387</v>
      </c>
      <c r="J18" s="94">
        <v>5.3081502087091205E-2</v>
      </c>
      <c r="K18" s="93">
        <v>2.7378111641401141E-2</v>
      </c>
      <c r="L18" s="94">
        <v>2.1429020809887619E-2</v>
      </c>
      <c r="M18" s="92">
        <v>280</v>
      </c>
      <c r="N18" s="100">
        <v>5.5</v>
      </c>
      <c r="O18" s="101">
        <v>0.1764</v>
      </c>
      <c r="P18" s="93">
        <v>9.3487042843446291E-2</v>
      </c>
      <c r="Q18" s="94">
        <v>3.5478508060228349E-2</v>
      </c>
      <c r="R18" s="93">
        <v>7.8668537177978989E-2</v>
      </c>
      <c r="S18" s="94">
        <v>3.3026910116170136E-2</v>
      </c>
      <c r="T18" s="93">
        <v>0.82017265774970827</v>
      </c>
      <c r="U18" s="94">
        <v>4.601848288480264E-2</v>
      </c>
      <c r="V18" s="93">
        <v>7.6717622288669431E-3</v>
      </c>
      <c r="W18" s="94">
        <v>1.4237734337031188E-2</v>
      </c>
    </row>
    <row r="19" spans="1:45" ht="25.5">
      <c r="A19" s="49" t="s">
        <v>443</v>
      </c>
      <c r="B19" s="103">
        <v>124</v>
      </c>
      <c r="C19" s="104">
        <v>5.4190328491555002</v>
      </c>
      <c r="D19" s="105">
        <v>0.1764</v>
      </c>
      <c r="E19" s="96">
        <v>4.0226789994643596E-2</v>
      </c>
      <c r="F19" s="97">
        <v>4.0161440319311716E-2</v>
      </c>
      <c r="G19" s="96">
        <v>0.13605943177594262</v>
      </c>
      <c r="H19" s="97">
        <v>6.2673810942931979E-2</v>
      </c>
      <c r="I19" s="96">
        <v>0.82371377822941338</v>
      </c>
      <c r="J19" s="97">
        <v>6.8842317187228261E-2</v>
      </c>
      <c r="K19" s="96">
        <v>0</v>
      </c>
      <c r="L19" s="97">
        <v>2.1923773750628563E-2</v>
      </c>
      <c r="M19" s="95">
        <v>125</v>
      </c>
      <c r="N19" s="104">
        <v>5.7</v>
      </c>
      <c r="O19" s="105">
        <v>0.21559999999999999</v>
      </c>
      <c r="P19" s="96">
        <v>6.5536449346429104E-2</v>
      </c>
      <c r="Q19" s="97">
        <v>4.750059768948163E-2</v>
      </c>
      <c r="R19" s="96">
        <v>6.1529136496320413E-2</v>
      </c>
      <c r="S19" s="97">
        <v>4.6416164908830687E-2</v>
      </c>
      <c r="T19" s="96">
        <v>0.86331049136741034</v>
      </c>
      <c r="U19" s="97">
        <v>6.2521756319764546E-2</v>
      </c>
      <c r="V19" s="96">
        <v>9.6239227898396746E-3</v>
      </c>
      <c r="W19" s="97">
        <v>2.7400494710955632E-2</v>
      </c>
    </row>
    <row r="20" spans="1:45" ht="25.5">
      <c r="A20" s="53" t="s">
        <v>444</v>
      </c>
      <c r="B20" s="83">
        <v>80</v>
      </c>
      <c r="C20" s="84">
        <v>4.8461206501871352</v>
      </c>
      <c r="D20" s="85">
        <v>0.31359999999999999</v>
      </c>
      <c r="E20" s="98">
        <v>9.0088844627549333E-2</v>
      </c>
      <c r="F20" s="94">
        <v>6.8171498360336355E-2</v>
      </c>
      <c r="G20" s="98">
        <v>0.28383201742488579</v>
      </c>
      <c r="H20" s="94">
        <v>9.9430709377759316E-2</v>
      </c>
      <c r="I20" s="98">
        <v>0.62607913794756453</v>
      </c>
      <c r="J20" s="94">
        <v>0.10591593828659221</v>
      </c>
      <c r="K20" s="98">
        <v>0</v>
      </c>
      <c r="L20" s="94">
        <v>3.326848242884628E-2</v>
      </c>
      <c r="M20" s="83">
        <v>79</v>
      </c>
      <c r="N20" s="84">
        <v>5.3</v>
      </c>
      <c r="O20" s="85">
        <v>0.3332</v>
      </c>
      <c r="P20" s="98">
        <v>0.13472894588094322</v>
      </c>
      <c r="Q20" s="94">
        <v>7.8885984270559095E-2</v>
      </c>
      <c r="R20" s="98">
        <v>7.5108705267812187E-2</v>
      </c>
      <c r="S20" s="94">
        <v>6.4546173476430144E-2</v>
      </c>
      <c r="T20" s="98">
        <v>0.79016234885124448</v>
      </c>
      <c r="U20" s="94">
        <v>9.1500311196891934E-2</v>
      </c>
      <c r="V20" s="98">
        <v>0</v>
      </c>
      <c r="W20" s="94">
        <v>3.3664360151118053E-2</v>
      </c>
    </row>
    <row r="21" spans="1:45">
      <c r="A21" s="49" t="s">
        <v>445</v>
      </c>
      <c r="B21" s="103">
        <v>78</v>
      </c>
      <c r="C21" s="104">
        <v>5.1033943522911906</v>
      </c>
      <c r="D21" s="105">
        <v>0.27440000000000003</v>
      </c>
      <c r="E21" s="96">
        <v>4.750484061066982E-2</v>
      </c>
      <c r="F21" s="97">
        <v>5.6195090667942413E-2</v>
      </c>
      <c r="G21" s="96">
        <v>0.20888786739957424</v>
      </c>
      <c r="H21" s="97">
        <v>9.1949084158480091E-2</v>
      </c>
      <c r="I21" s="96">
        <v>0.65344924176673058</v>
      </c>
      <c r="J21" s="97">
        <v>0.10562116753177736</v>
      </c>
      <c r="K21" s="96">
        <v>9.0158050223024519E-2</v>
      </c>
      <c r="L21" s="97">
        <v>6.9147154132033831E-2</v>
      </c>
      <c r="M21" s="95">
        <v>76</v>
      </c>
      <c r="N21" s="104">
        <v>5.4</v>
      </c>
      <c r="O21" s="105">
        <v>0.37240000000000001</v>
      </c>
      <c r="P21" s="96">
        <v>0.10235928321282745</v>
      </c>
      <c r="Q21" s="97">
        <v>7.3245607024779211E-2</v>
      </c>
      <c r="R21" s="96">
        <v>0.1077481019208389</v>
      </c>
      <c r="S21" s="97">
        <v>7.4545271388968437E-2</v>
      </c>
      <c r="T21" s="96">
        <v>0.7789145683073907</v>
      </c>
      <c r="U21" s="97">
        <v>9.4813372971927462E-2</v>
      </c>
      <c r="V21" s="96">
        <v>1.0978046558942734E-2</v>
      </c>
      <c r="W21" s="97">
        <v>4.1336376213968552E-2</v>
      </c>
    </row>
    <row r="22" spans="1:45">
      <c r="A22" s="57" t="s">
        <v>449</v>
      </c>
      <c r="B22" s="99">
        <v>105</v>
      </c>
      <c r="C22" s="100">
        <v>5.009872591786027</v>
      </c>
      <c r="D22" s="101">
        <v>0.29399999999999998</v>
      </c>
      <c r="E22" s="93">
        <v>0.15528129700913965</v>
      </c>
      <c r="F22" s="94">
        <v>7.1608140502153847E-2</v>
      </c>
      <c r="G22" s="93">
        <v>0.16296656403699383</v>
      </c>
      <c r="H22" s="94">
        <v>7.2843299005493856E-2</v>
      </c>
      <c r="I22" s="93">
        <v>0.67314347303979505</v>
      </c>
      <c r="J22" s="94">
        <v>9.0296399722751206E-2</v>
      </c>
      <c r="K22" s="93">
        <v>8.6086659140714051E-3</v>
      </c>
      <c r="L22" s="94">
        <v>3.0848319382319907E-2</v>
      </c>
      <c r="M22" s="92">
        <v>106</v>
      </c>
      <c r="N22" s="100">
        <v>5.4</v>
      </c>
      <c r="O22" s="101">
        <v>0.29399999999999998</v>
      </c>
      <c r="P22" s="93">
        <v>0.15358824200982685</v>
      </c>
      <c r="Q22" s="94">
        <v>7.0984650823998435E-2</v>
      </c>
      <c r="R22" s="93">
        <v>0.10594042958935029</v>
      </c>
      <c r="S22" s="94">
        <v>6.2027860966196523E-2</v>
      </c>
      <c r="T22" s="93">
        <v>0.74047132840082308</v>
      </c>
      <c r="U22" s="94">
        <v>8.4488328658926234E-2</v>
      </c>
      <c r="V22" s="93">
        <v>0</v>
      </c>
      <c r="W22" s="94">
        <v>2.5478147263468021E-2</v>
      </c>
    </row>
    <row r="23" spans="1:45">
      <c r="A23" s="49" t="s">
        <v>454</v>
      </c>
      <c r="B23" s="103">
        <v>77</v>
      </c>
      <c r="C23" s="104">
        <v>5.1278822733928999</v>
      </c>
      <c r="D23" s="105">
        <v>0.3332</v>
      </c>
      <c r="E23" s="96">
        <v>0.14940448934243014</v>
      </c>
      <c r="F23" s="97">
        <v>8.2827503956801329E-2</v>
      </c>
      <c r="G23" s="96">
        <v>0.13812962450086214</v>
      </c>
      <c r="H23" s="97">
        <v>8.0634471491518506E-2</v>
      </c>
      <c r="I23" s="96">
        <v>0.66906018035090042</v>
      </c>
      <c r="J23" s="97">
        <v>0.10521507761631942</v>
      </c>
      <c r="K23" s="96">
        <v>4.3405705805807451E-2</v>
      </c>
      <c r="L23" s="97">
        <v>5.5155760811554835E-2</v>
      </c>
      <c r="M23" s="95">
        <v>77</v>
      </c>
      <c r="N23" s="104">
        <v>5.4</v>
      </c>
      <c r="O23" s="105">
        <v>0.3528</v>
      </c>
      <c r="P23" s="96">
        <v>7.9691267850138733E-2</v>
      </c>
      <c r="Q23" s="97">
        <v>6.6798981163842419E-2</v>
      </c>
      <c r="R23" s="96">
        <v>0.10287455331209996</v>
      </c>
      <c r="S23" s="97">
        <v>7.2854647475044082E-2</v>
      </c>
      <c r="T23" s="96">
        <v>0.79897113288784383</v>
      </c>
      <c r="U23" s="97">
        <v>9.1415834418930031E-2</v>
      </c>
      <c r="V23" s="96">
        <v>1.8463045949917239E-2</v>
      </c>
      <c r="W23" s="97">
        <v>4.4698279170734177E-2</v>
      </c>
    </row>
    <row r="32" spans="1:45" ht="21" customHeight="1">
      <c r="A32" s="316" t="s">
        <v>34</v>
      </c>
      <c r="B32" s="316"/>
      <c r="C32" s="316"/>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316"/>
      <c r="AM32" s="316"/>
      <c r="AN32" s="316"/>
      <c r="AO32" s="316"/>
      <c r="AP32" s="316"/>
      <c r="AQ32" s="316"/>
      <c r="AR32" s="316"/>
      <c r="AS32" s="316"/>
    </row>
    <row r="33" spans="1:45" ht="73.5" customHeight="1">
      <c r="A33" s="340" t="s">
        <v>382</v>
      </c>
      <c r="B33" s="340"/>
      <c r="C33" s="340"/>
      <c r="D33" s="340"/>
      <c r="E33" s="340"/>
      <c r="F33" s="340"/>
      <c r="G33" s="340"/>
      <c r="H33" s="340"/>
      <c r="I33" s="340"/>
      <c r="J33" s="340"/>
      <c r="K33" s="340"/>
      <c r="L33" s="340"/>
      <c r="M33" s="340"/>
      <c r="N33" s="340"/>
      <c r="O33" s="340"/>
      <c r="P33" s="340"/>
      <c r="Q33" s="340"/>
      <c r="R33" s="340"/>
      <c r="S33" s="340"/>
      <c r="T33" s="340"/>
      <c r="U33" s="340"/>
      <c r="V33" s="340"/>
      <c r="W33" s="340"/>
      <c r="X33" s="340"/>
      <c r="Y33" s="340"/>
      <c r="Z33" s="340"/>
      <c r="AA33" s="340"/>
      <c r="AB33" s="340"/>
      <c r="AC33" s="340"/>
      <c r="AD33" s="340"/>
      <c r="AE33" s="340"/>
      <c r="AF33" s="340"/>
      <c r="AG33" s="340"/>
      <c r="AH33" s="340"/>
      <c r="AI33" s="340"/>
      <c r="AJ33" s="340"/>
      <c r="AK33" s="340"/>
      <c r="AL33" s="340"/>
      <c r="AM33" s="340"/>
      <c r="AN33" s="340"/>
      <c r="AO33" s="340"/>
      <c r="AP33" s="340"/>
      <c r="AQ33" s="340"/>
      <c r="AR33" s="340"/>
      <c r="AS33" s="340"/>
    </row>
    <row r="34" spans="1:45" ht="37.5" customHeight="1">
      <c r="A34" s="64"/>
      <c r="B34" s="335" t="s">
        <v>105</v>
      </c>
      <c r="C34" s="336"/>
      <c r="D34" s="336"/>
      <c r="E34" s="336"/>
      <c r="F34" s="336"/>
      <c r="G34" s="336"/>
      <c r="H34" s="336"/>
      <c r="I34" s="336"/>
      <c r="J34" s="336"/>
      <c r="K34" s="336"/>
      <c r="L34" s="337"/>
      <c r="M34" s="335" t="s">
        <v>106</v>
      </c>
      <c r="N34" s="336"/>
      <c r="O34" s="336"/>
      <c r="P34" s="336"/>
      <c r="Q34" s="336"/>
      <c r="R34" s="336"/>
      <c r="S34" s="336"/>
      <c r="T34" s="336"/>
      <c r="U34" s="336"/>
      <c r="V34" s="336"/>
      <c r="W34" s="337"/>
      <c r="X34" s="332" t="s">
        <v>107</v>
      </c>
      <c r="Y34" s="333"/>
      <c r="Z34" s="333"/>
      <c r="AA34" s="333"/>
      <c r="AB34" s="333"/>
      <c r="AC34" s="333"/>
      <c r="AD34" s="333"/>
      <c r="AE34" s="333"/>
      <c r="AF34" s="333"/>
      <c r="AG34" s="333"/>
      <c r="AH34" s="334"/>
      <c r="AI34" s="332" t="s">
        <v>108</v>
      </c>
      <c r="AJ34" s="333"/>
      <c r="AK34" s="333"/>
      <c r="AL34" s="333"/>
      <c r="AM34" s="333"/>
      <c r="AN34" s="333"/>
      <c r="AO34" s="333"/>
      <c r="AP34" s="333"/>
      <c r="AQ34" s="333"/>
      <c r="AR34" s="333"/>
      <c r="AS34" s="334"/>
    </row>
    <row r="35" spans="1:45" ht="72">
      <c r="A35" s="37" t="s">
        <v>85</v>
      </c>
      <c r="B35" s="38" t="s">
        <v>86</v>
      </c>
      <c r="C35" s="39" t="s">
        <v>87</v>
      </c>
      <c r="D35" s="40" t="s">
        <v>88</v>
      </c>
      <c r="E35" s="38" t="s">
        <v>184</v>
      </c>
      <c r="F35" s="89" t="s">
        <v>109</v>
      </c>
      <c r="G35" s="38" t="s">
        <v>185</v>
      </c>
      <c r="H35" s="89" t="s">
        <v>110</v>
      </c>
      <c r="I35" s="38" t="s">
        <v>186</v>
      </c>
      <c r="J35" s="89" t="s">
        <v>111</v>
      </c>
      <c r="K35" s="38" t="s">
        <v>357</v>
      </c>
      <c r="L35" s="89" t="s">
        <v>356</v>
      </c>
      <c r="M35" s="65" t="s">
        <v>86</v>
      </c>
      <c r="N35" s="66" t="s">
        <v>87</v>
      </c>
      <c r="O35" s="67" t="s">
        <v>88</v>
      </c>
      <c r="P35" s="65" t="s">
        <v>187</v>
      </c>
      <c r="Q35" s="88" t="s">
        <v>112</v>
      </c>
      <c r="R35" s="65" t="s">
        <v>188</v>
      </c>
      <c r="S35" s="88" t="s">
        <v>113</v>
      </c>
      <c r="T35" s="65" t="s">
        <v>189</v>
      </c>
      <c r="U35" s="88" t="s">
        <v>114</v>
      </c>
      <c r="V35" s="65" t="s">
        <v>357</v>
      </c>
      <c r="W35" s="88" t="s">
        <v>356</v>
      </c>
      <c r="X35" s="38" t="s">
        <v>86</v>
      </c>
      <c r="Y35" s="39" t="s">
        <v>87</v>
      </c>
      <c r="Z35" s="40" t="s">
        <v>88</v>
      </c>
      <c r="AA35" s="38" t="s">
        <v>190</v>
      </c>
      <c r="AB35" s="89" t="s">
        <v>115</v>
      </c>
      <c r="AC35" s="38" t="s">
        <v>191</v>
      </c>
      <c r="AD35" s="89" t="s">
        <v>116</v>
      </c>
      <c r="AE35" s="38" t="s">
        <v>192</v>
      </c>
      <c r="AF35" s="89" t="s">
        <v>117</v>
      </c>
      <c r="AG35" s="38" t="s">
        <v>357</v>
      </c>
      <c r="AH35" s="89" t="s">
        <v>356</v>
      </c>
      <c r="AI35" s="65" t="s">
        <v>86</v>
      </c>
      <c r="AJ35" s="66" t="s">
        <v>87</v>
      </c>
      <c r="AK35" s="67" t="s">
        <v>88</v>
      </c>
      <c r="AL35" s="65" t="s">
        <v>193</v>
      </c>
      <c r="AM35" s="88" t="s">
        <v>118</v>
      </c>
      <c r="AN35" s="65" t="s">
        <v>194</v>
      </c>
      <c r="AO35" s="88" t="s">
        <v>119</v>
      </c>
      <c r="AP35" s="65" t="s">
        <v>195</v>
      </c>
      <c r="AQ35" s="88" t="s">
        <v>120</v>
      </c>
      <c r="AR35" s="65" t="s">
        <v>357</v>
      </c>
      <c r="AS35" s="88" t="s">
        <v>356</v>
      </c>
    </row>
    <row r="36" spans="1:45" ht="93" customHeight="1">
      <c r="A36" s="41"/>
      <c r="B36" s="42" t="s">
        <v>89</v>
      </c>
      <c r="C36" s="43" t="s">
        <v>121</v>
      </c>
      <c r="D36" s="44" t="s">
        <v>91</v>
      </c>
      <c r="E36" s="42" t="s">
        <v>181</v>
      </c>
      <c r="F36" s="91" t="s">
        <v>104</v>
      </c>
      <c r="G36" s="42" t="s">
        <v>182</v>
      </c>
      <c r="H36" s="91" t="s">
        <v>104</v>
      </c>
      <c r="I36" s="42" t="s">
        <v>183</v>
      </c>
      <c r="J36" s="91" t="s">
        <v>104</v>
      </c>
      <c r="K36" s="42" t="s">
        <v>357</v>
      </c>
      <c r="L36" s="91" t="s">
        <v>104</v>
      </c>
      <c r="M36" s="68" t="s">
        <v>89</v>
      </c>
      <c r="N36" s="69" t="s">
        <v>121</v>
      </c>
      <c r="O36" s="70" t="s">
        <v>91</v>
      </c>
      <c r="P36" s="68" t="s">
        <v>181</v>
      </c>
      <c r="Q36" s="90" t="s">
        <v>104</v>
      </c>
      <c r="R36" s="68" t="s">
        <v>182</v>
      </c>
      <c r="S36" s="90" t="s">
        <v>104</v>
      </c>
      <c r="T36" s="68" t="s">
        <v>183</v>
      </c>
      <c r="U36" s="90" t="s">
        <v>104</v>
      </c>
      <c r="V36" s="68" t="s">
        <v>357</v>
      </c>
      <c r="W36" s="90" t="s">
        <v>104</v>
      </c>
      <c r="X36" s="42" t="s">
        <v>89</v>
      </c>
      <c r="Y36" s="43" t="s">
        <v>121</v>
      </c>
      <c r="Z36" s="44" t="s">
        <v>91</v>
      </c>
      <c r="AA36" s="42" t="s">
        <v>181</v>
      </c>
      <c r="AB36" s="91" t="s">
        <v>104</v>
      </c>
      <c r="AC36" s="42" t="s">
        <v>182</v>
      </c>
      <c r="AD36" s="91" t="s">
        <v>104</v>
      </c>
      <c r="AE36" s="42" t="s">
        <v>183</v>
      </c>
      <c r="AF36" s="91" t="s">
        <v>104</v>
      </c>
      <c r="AG36" s="42" t="s">
        <v>357</v>
      </c>
      <c r="AH36" s="91" t="s">
        <v>104</v>
      </c>
      <c r="AI36" s="68" t="s">
        <v>89</v>
      </c>
      <c r="AJ36" s="69" t="s">
        <v>121</v>
      </c>
      <c r="AK36" s="70" t="s">
        <v>91</v>
      </c>
      <c r="AL36" s="68" t="s">
        <v>181</v>
      </c>
      <c r="AM36" s="90" t="s">
        <v>104</v>
      </c>
      <c r="AN36" s="68" t="s">
        <v>182</v>
      </c>
      <c r="AO36" s="90" t="s">
        <v>104</v>
      </c>
      <c r="AP36" s="68" t="s">
        <v>183</v>
      </c>
      <c r="AQ36" s="90" t="s">
        <v>104</v>
      </c>
      <c r="AR36" s="68" t="s">
        <v>357</v>
      </c>
      <c r="AS36" s="90" t="s">
        <v>104</v>
      </c>
    </row>
    <row r="37" spans="1:45">
      <c r="A37" s="45" t="s">
        <v>436</v>
      </c>
      <c r="B37" s="99">
        <v>8579</v>
      </c>
      <c r="C37" s="100">
        <v>4.5</v>
      </c>
      <c r="D37" s="101">
        <v>3.9199999999999999E-2</v>
      </c>
      <c r="E37" s="102">
        <v>0.217</v>
      </c>
      <c r="F37" s="94">
        <v>8.9005438874569607E-3</v>
      </c>
      <c r="G37" s="102">
        <v>0.24399999999999999</v>
      </c>
      <c r="H37" s="94">
        <v>9.2733815502201253E-3</v>
      </c>
      <c r="I37" s="102">
        <v>0.52</v>
      </c>
      <c r="J37" s="94">
        <v>1.0785320473258423E-2</v>
      </c>
      <c r="K37" s="93">
        <v>1.9E-2</v>
      </c>
      <c r="L37" s="94">
        <v>2.9642788130103989E-3</v>
      </c>
      <c r="M37" s="99">
        <v>8573</v>
      </c>
      <c r="N37" s="100">
        <v>4.7</v>
      </c>
      <c r="O37" s="101">
        <v>3.9199999999999999E-2</v>
      </c>
      <c r="P37" s="102">
        <v>0.157</v>
      </c>
      <c r="Q37" s="94">
        <v>7.8596974369174438E-3</v>
      </c>
      <c r="R37" s="102">
        <v>0.248</v>
      </c>
      <c r="S37" s="94">
        <v>9.3275157526843833E-3</v>
      </c>
      <c r="T37" s="102">
        <v>0.57799999999999996</v>
      </c>
      <c r="U37" s="94">
        <v>1.0665653882230933E-2</v>
      </c>
      <c r="V37" s="93">
        <v>1.7000000000000001E-2</v>
      </c>
      <c r="W37" s="94">
        <v>2.8097785764018457E-3</v>
      </c>
      <c r="X37" s="99">
        <v>8549</v>
      </c>
      <c r="Y37" s="100">
        <v>4.0999999999999996</v>
      </c>
      <c r="Z37" s="101">
        <v>3.9199999999999999E-2</v>
      </c>
      <c r="AA37" s="102">
        <v>0.151</v>
      </c>
      <c r="AB37" s="94">
        <v>7.746507017582273E-3</v>
      </c>
      <c r="AC37" s="102">
        <v>0.248</v>
      </c>
      <c r="AD37" s="94">
        <v>9.3405974024513751E-3</v>
      </c>
      <c r="AE37" s="102">
        <v>0.58599999999999997</v>
      </c>
      <c r="AF37" s="94">
        <v>1.0651871744154428E-2</v>
      </c>
      <c r="AG37" s="93">
        <v>1.4999999999999999E-2</v>
      </c>
      <c r="AH37" s="94">
        <v>2.6481555205133981E-3</v>
      </c>
      <c r="AI37" s="99">
        <v>8542</v>
      </c>
      <c r="AJ37" s="100">
        <v>4.8</v>
      </c>
      <c r="AK37" s="101">
        <v>3.9199999999999999E-2</v>
      </c>
      <c r="AL37" s="102">
        <v>0.28199999999999997</v>
      </c>
      <c r="AM37" s="94">
        <v>9.7360550885938011E-3</v>
      </c>
      <c r="AN37" s="102">
        <v>0.26300000000000001</v>
      </c>
      <c r="AO37" s="94">
        <v>9.5261859184403042E-3</v>
      </c>
      <c r="AP37" s="102">
        <v>0.38900000000000001</v>
      </c>
      <c r="AQ37" s="94">
        <v>1.0547620410977942E-2</v>
      </c>
      <c r="AR37" s="93">
        <v>6.6000000000000003E-2</v>
      </c>
      <c r="AS37" s="94">
        <v>5.3791547440763463E-3</v>
      </c>
    </row>
    <row r="38" spans="1:45">
      <c r="A38" s="49" t="s">
        <v>437</v>
      </c>
      <c r="B38" s="103">
        <v>8696</v>
      </c>
      <c r="C38" s="104">
        <v>4.4594611108365676</v>
      </c>
      <c r="D38" s="105">
        <v>3.9199999999999999E-2</v>
      </c>
      <c r="E38" s="106">
        <v>0.23499999999999999</v>
      </c>
      <c r="F38" s="97">
        <v>9.0931213074317858E-3</v>
      </c>
      <c r="G38" s="106">
        <v>0.24199999999999999</v>
      </c>
      <c r="H38" s="97">
        <v>9.1851252615988647E-3</v>
      </c>
      <c r="I38" s="106">
        <v>0.505</v>
      </c>
      <c r="J38" s="97">
        <v>1.072058977154507E-2</v>
      </c>
      <c r="K38" s="96">
        <v>1.9E-2</v>
      </c>
      <c r="L38" s="97">
        <v>2.9440527887616471E-3</v>
      </c>
      <c r="M38" s="103">
        <v>8886</v>
      </c>
      <c r="N38" s="104">
        <v>4.7</v>
      </c>
      <c r="O38" s="105">
        <v>3.9199999999999999E-2</v>
      </c>
      <c r="P38" s="106">
        <v>0.16900000000000001</v>
      </c>
      <c r="Q38" s="97">
        <v>7.9519810379309573E-3</v>
      </c>
      <c r="R38" s="106">
        <v>0.245</v>
      </c>
      <c r="S38" s="97">
        <v>9.1243996556466256E-3</v>
      </c>
      <c r="T38" s="106">
        <v>0.56999999999999995</v>
      </c>
      <c r="U38" s="97">
        <v>1.050158075747489E-2</v>
      </c>
      <c r="V38" s="96">
        <v>1.6E-2</v>
      </c>
      <c r="W38" s="97">
        <v>2.679317662789837E-3</v>
      </c>
      <c r="X38" s="103">
        <v>7949</v>
      </c>
      <c r="Y38" s="104">
        <v>4.0999999999999996</v>
      </c>
      <c r="Z38" s="105">
        <v>3.9199999999999999E-2</v>
      </c>
      <c r="AA38" s="106">
        <v>0.152</v>
      </c>
      <c r="AB38" s="97">
        <v>8.0554406463226938E-3</v>
      </c>
      <c r="AC38" s="106">
        <v>0.251</v>
      </c>
      <c r="AD38" s="97">
        <v>9.7255524671177353E-3</v>
      </c>
      <c r="AE38" s="106">
        <v>0.58499999999999996</v>
      </c>
      <c r="AF38" s="97">
        <v>1.1050272417136468E-2</v>
      </c>
      <c r="AG38" s="96">
        <v>1.2E-2</v>
      </c>
      <c r="AH38" s="97">
        <v>2.4664723881987986E-3</v>
      </c>
      <c r="AI38" s="103">
        <v>7943</v>
      </c>
      <c r="AJ38" s="104">
        <v>4.8</v>
      </c>
      <c r="AK38" s="105">
        <v>3.1064098662889769E-2</v>
      </c>
      <c r="AL38" s="106">
        <v>0.29799999999999999</v>
      </c>
      <c r="AM38" s="97">
        <v>1.0262370733535442E-2</v>
      </c>
      <c r="AN38" s="106">
        <v>0.26500000000000001</v>
      </c>
      <c r="AO38" s="97">
        <v>9.9027758777084224E-3</v>
      </c>
      <c r="AP38" s="106">
        <v>0.38100000000000001</v>
      </c>
      <c r="AQ38" s="97">
        <v>1.0895554149113808E-2</v>
      </c>
      <c r="AR38" s="96">
        <v>5.7000000000000002E-2</v>
      </c>
      <c r="AS38" s="97">
        <v>5.2109644305612162E-3</v>
      </c>
    </row>
    <row r="39" spans="1:45">
      <c r="A39" s="53" t="s">
        <v>438</v>
      </c>
      <c r="B39" s="99">
        <v>776</v>
      </c>
      <c r="C39" s="100">
        <v>4.4854630000000002</v>
      </c>
      <c r="D39" s="101">
        <v>0.11200224</v>
      </c>
      <c r="E39" s="102">
        <v>0.21099999999999999</v>
      </c>
      <c r="F39" s="94">
        <v>2.9293687879203952E-2</v>
      </c>
      <c r="G39" s="102">
        <v>0.24</v>
      </c>
      <c r="H39" s="94">
        <v>3.0641981889738368E-2</v>
      </c>
      <c r="I39" s="102">
        <v>0.51100000000000001</v>
      </c>
      <c r="J39" s="94">
        <v>3.5797166328443888E-2</v>
      </c>
      <c r="K39" s="93">
        <v>3.7999999999999999E-2</v>
      </c>
      <c r="L39" s="94">
        <v>1.4094835565632262E-2</v>
      </c>
      <c r="M39" s="99">
        <v>775</v>
      </c>
      <c r="N39" s="100">
        <v>4.6161969999999997</v>
      </c>
      <c r="O39" s="101">
        <v>9.871344E-2</v>
      </c>
      <c r="P39" s="102">
        <v>0.17399999999999999</v>
      </c>
      <c r="Q39" s="94">
        <v>2.7268701222223194E-2</v>
      </c>
      <c r="R39" s="102">
        <v>0.246</v>
      </c>
      <c r="S39" s="94">
        <v>3.0916247869434862E-2</v>
      </c>
      <c r="T39" s="102">
        <v>0.54300000000000004</v>
      </c>
      <c r="U39" s="94">
        <v>3.5697339893335706E-2</v>
      </c>
      <c r="V39" s="93">
        <v>3.7999999999999999E-2</v>
      </c>
      <c r="W39" s="94">
        <v>1.4104388338444851E-2</v>
      </c>
      <c r="X39" s="99">
        <v>775</v>
      </c>
      <c r="Y39" s="100">
        <v>4.3922639999999999</v>
      </c>
      <c r="Z39" s="101">
        <v>0.10447388000000001</v>
      </c>
      <c r="AA39" s="102">
        <v>0.191</v>
      </c>
      <c r="AB39" s="94">
        <v>2.8256757126653952E-2</v>
      </c>
      <c r="AC39" s="102">
        <v>0.246</v>
      </c>
      <c r="AD39" s="94">
        <v>3.0916247869434862E-2</v>
      </c>
      <c r="AE39" s="102">
        <v>0.45</v>
      </c>
      <c r="AF39" s="94">
        <v>3.56509686938574E-2</v>
      </c>
      <c r="AG39" s="93">
        <v>0.113</v>
      </c>
      <c r="AH39" s="94">
        <v>2.2859184424296783E-2</v>
      </c>
      <c r="AI39" s="99">
        <v>771</v>
      </c>
      <c r="AJ39" s="100">
        <v>4.6649089999999998</v>
      </c>
      <c r="AK39" s="101">
        <v>0.10943268</v>
      </c>
      <c r="AL39" s="102">
        <v>0.19500000000000001</v>
      </c>
      <c r="AM39" s="94">
        <v>2.8550602952036635E-2</v>
      </c>
      <c r="AN39" s="102">
        <v>0.217</v>
      </c>
      <c r="AO39" s="94">
        <v>2.9685281825217638E-2</v>
      </c>
      <c r="AP39" s="102">
        <v>0.55100000000000005</v>
      </c>
      <c r="AQ39" s="94">
        <v>3.5735644426145609E-2</v>
      </c>
      <c r="AR39" s="93">
        <v>3.6999999999999998E-2</v>
      </c>
      <c r="AS39" s="94">
        <v>1.397474786793693E-2</v>
      </c>
    </row>
    <row r="40" spans="1:45">
      <c r="A40" s="49" t="s">
        <v>439</v>
      </c>
      <c r="B40" s="103">
        <v>738</v>
      </c>
      <c r="C40" s="104">
        <v>4.5</v>
      </c>
      <c r="D40" s="105">
        <v>9.8000000000000004E-2</v>
      </c>
      <c r="E40" s="106">
        <v>0.20599999999999999</v>
      </c>
      <c r="F40" s="97">
        <v>2.9778464387079439E-2</v>
      </c>
      <c r="G40" s="106">
        <v>0.29299999999999998</v>
      </c>
      <c r="H40" s="97">
        <v>3.3454457806179991E-2</v>
      </c>
      <c r="I40" s="106">
        <v>0.47299999999999998</v>
      </c>
      <c r="J40" s="97">
        <v>3.6658167338660785E-2</v>
      </c>
      <c r="K40" s="96">
        <v>2.8000000000000001E-2</v>
      </c>
      <c r="L40" s="97">
        <v>1.2634507463875993E-2</v>
      </c>
      <c r="M40" s="103">
        <v>738</v>
      </c>
      <c r="N40" s="104">
        <v>4.7</v>
      </c>
      <c r="O40" s="105">
        <v>9.8000000000000004E-2</v>
      </c>
      <c r="P40" s="106">
        <v>0.14099999999999999</v>
      </c>
      <c r="Q40" s="97">
        <v>2.5698312648306472E-2</v>
      </c>
      <c r="R40" s="106">
        <v>0.27900000000000003</v>
      </c>
      <c r="S40" s="97">
        <v>3.2973416412401195E-2</v>
      </c>
      <c r="T40" s="106">
        <v>0.55500000000000005</v>
      </c>
      <c r="U40" s="97">
        <v>3.6490779151012905E-2</v>
      </c>
      <c r="V40" s="96">
        <v>2.5000000000000001E-2</v>
      </c>
      <c r="W40" s="97">
        <v>1.2019987317336866E-2</v>
      </c>
      <c r="X40" s="103">
        <v>735</v>
      </c>
      <c r="Y40" s="104">
        <v>4</v>
      </c>
      <c r="Z40" s="105">
        <v>0.1176</v>
      </c>
      <c r="AA40" s="106">
        <v>0.13</v>
      </c>
      <c r="AB40" s="97">
        <v>2.4903384825570956E-2</v>
      </c>
      <c r="AC40" s="106">
        <v>0.20699999999999999</v>
      </c>
      <c r="AD40" s="97">
        <v>2.9891806528114254E-2</v>
      </c>
      <c r="AE40" s="106">
        <v>0.64300000000000002</v>
      </c>
      <c r="AF40" s="97">
        <v>3.5265992566972042E-2</v>
      </c>
      <c r="AG40" s="96">
        <v>0.02</v>
      </c>
      <c r="AH40" s="97">
        <v>1.0934033019491337E-2</v>
      </c>
      <c r="AI40" s="103">
        <v>736</v>
      </c>
      <c r="AJ40" s="104">
        <v>4.9000000000000004</v>
      </c>
      <c r="AK40" s="105">
        <v>9.8000000000000004E-2</v>
      </c>
      <c r="AL40" s="106">
        <v>0.33600000000000002</v>
      </c>
      <c r="AM40" s="97">
        <v>3.4749604836118088E-2</v>
      </c>
      <c r="AN40" s="106">
        <v>0.252</v>
      </c>
      <c r="AO40" s="97">
        <v>3.1976267471374831E-2</v>
      </c>
      <c r="AP40" s="106">
        <v>0.34100000000000003</v>
      </c>
      <c r="AQ40" s="97">
        <v>3.4873638261706433E-2</v>
      </c>
      <c r="AR40" s="96">
        <v>7.0999999999999994E-2</v>
      </c>
      <c r="AS40" s="97">
        <v>1.916405067031722E-2</v>
      </c>
    </row>
    <row r="41" spans="1:45">
      <c r="A41" s="53" t="s">
        <v>440</v>
      </c>
      <c r="B41" s="99">
        <v>646</v>
      </c>
      <c r="C41" s="100">
        <v>4.29</v>
      </c>
      <c r="D41" s="101">
        <v>0.1176</v>
      </c>
      <c r="E41" s="102">
        <v>0.24299999999999999</v>
      </c>
      <c r="F41" s="94">
        <v>3.3719331091579222E-2</v>
      </c>
      <c r="G41" s="102">
        <v>0.311</v>
      </c>
      <c r="H41" s="94">
        <v>3.6350201804877892E-2</v>
      </c>
      <c r="I41" s="102">
        <v>0.438</v>
      </c>
      <c r="J41" s="94">
        <v>3.8924239250320666E-2</v>
      </c>
      <c r="K41" s="93">
        <v>8.0000000000000002E-3</v>
      </c>
      <c r="L41" s="94">
        <v>8.192334995426348E-3</v>
      </c>
      <c r="M41" s="99">
        <v>650</v>
      </c>
      <c r="N41" s="100">
        <v>4.72</v>
      </c>
      <c r="O41" s="101">
        <v>0.1176</v>
      </c>
      <c r="P41" s="102">
        <v>0.14299999999999999</v>
      </c>
      <c r="Q41" s="94">
        <v>2.755092494294839E-2</v>
      </c>
      <c r="R41" s="102">
        <v>0.30299999999999999</v>
      </c>
      <c r="S41" s="94">
        <v>3.5980310285016019E-2</v>
      </c>
      <c r="T41" s="102">
        <v>0.55200000000000005</v>
      </c>
      <c r="U41" s="94">
        <v>3.8893642735906175E-2</v>
      </c>
      <c r="V41" s="93">
        <v>2E-3</v>
      </c>
      <c r="W41" s="94">
        <v>5.5412883054961346E-3</v>
      </c>
      <c r="X41" s="99">
        <v>619</v>
      </c>
      <c r="Y41" s="100">
        <v>3.88</v>
      </c>
      <c r="Z41" s="101">
        <v>0.1176</v>
      </c>
      <c r="AA41" s="102">
        <v>0.36799999999999999</v>
      </c>
      <c r="AB41" s="94">
        <v>3.8661308683162775E-2</v>
      </c>
      <c r="AC41" s="102">
        <v>0.27200000000000002</v>
      </c>
      <c r="AD41" s="94">
        <v>3.5716144008126317E-2</v>
      </c>
      <c r="AE41" s="102">
        <v>0.313</v>
      </c>
      <c r="AF41" s="94">
        <v>3.7195298084515202E-2</v>
      </c>
      <c r="AG41" s="93">
        <v>4.7E-2</v>
      </c>
      <c r="AH41" s="94">
        <v>1.7448414799173265E-2</v>
      </c>
      <c r="AI41" s="99">
        <v>649</v>
      </c>
      <c r="AJ41" s="100">
        <v>4.91</v>
      </c>
      <c r="AK41" s="101">
        <v>9.8000000000000004E-2</v>
      </c>
      <c r="AL41" s="102">
        <v>0.11</v>
      </c>
      <c r="AM41" s="94">
        <v>2.4719893904566921E-2</v>
      </c>
      <c r="AN41" s="102">
        <v>0.22500000000000001</v>
      </c>
      <c r="AO41" s="94">
        <v>3.2768962966350769E-2</v>
      </c>
      <c r="AP41" s="102">
        <v>0.66300000000000003</v>
      </c>
      <c r="AQ41" s="94">
        <v>3.7022033406977711E-2</v>
      </c>
      <c r="AR41" s="93">
        <v>2E-3</v>
      </c>
      <c r="AS41" s="94">
        <v>5.5480791891461944E-3</v>
      </c>
    </row>
    <row r="42" spans="1:45">
      <c r="A42" s="49" t="s">
        <v>453</v>
      </c>
      <c r="B42" s="103">
        <v>112</v>
      </c>
      <c r="C42" s="104">
        <v>5.0999999999999996</v>
      </c>
      <c r="D42" s="105">
        <v>0.27440000000000003</v>
      </c>
      <c r="E42" s="106">
        <v>9.8000000000000004E-2</v>
      </c>
      <c r="F42" s="97">
        <v>5.8530553910866048E-2</v>
      </c>
      <c r="G42" s="106">
        <v>0.247</v>
      </c>
      <c r="H42" s="97">
        <v>8.1012834915527271E-2</v>
      </c>
      <c r="I42" s="106">
        <v>0.64800000000000002</v>
      </c>
      <c r="J42" s="97">
        <v>8.897511769674725E-2</v>
      </c>
      <c r="K42" s="96">
        <v>7.0000000000000001E-3</v>
      </c>
      <c r="L42" s="97">
        <v>2.8420487996004471E-2</v>
      </c>
      <c r="M42" s="103">
        <v>112</v>
      </c>
      <c r="N42" s="104">
        <v>5</v>
      </c>
      <c r="O42" s="105">
        <v>0.25480000000000003</v>
      </c>
      <c r="P42" s="106">
        <v>0.121</v>
      </c>
      <c r="Q42" s="97">
        <v>6.3271303622977212E-2</v>
      </c>
      <c r="R42" s="106">
        <v>0.18099999999999999</v>
      </c>
      <c r="S42" s="97">
        <v>7.314039404719741E-2</v>
      </c>
      <c r="T42" s="106">
        <v>0.69899999999999995</v>
      </c>
      <c r="U42" s="97">
        <v>8.571866884290491E-2</v>
      </c>
      <c r="V42" s="96">
        <v>0</v>
      </c>
      <c r="W42" s="97">
        <v>2.4171880321350918E-2</v>
      </c>
      <c r="X42" s="103">
        <v>112</v>
      </c>
      <c r="Y42" s="104">
        <v>4.5</v>
      </c>
      <c r="Z42" s="105">
        <v>0.29399999999999998</v>
      </c>
      <c r="AA42" s="106">
        <v>9.2999999999999999E-2</v>
      </c>
      <c r="AB42" s="97">
        <v>5.7409029164654152E-2</v>
      </c>
      <c r="AC42" s="106">
        <v>0.129</v>
      </c>
      <c r="AD42" s="97">
        <v>6.4777555516680574E-2</v>
      </c>
      <c r="AE42" s="106">
        <v>0.77800000000000002</v>
      </c>
      <c r="AF42" s="97">
        <v>7.8334832977730542E-2</v>
      </c>
      <c r="AG42" s="96">
        <v>0</v>
      </c>
      <c r="AH42" s="97">
        <v>2.4171880321350918E-2</v>
      </c>
      <c r="AI42" s="103">
        <v>112</v>
      </c>
      <c r="AJ42" s="104">
        <v>5.3</v>
      </c>
      <c r="AK42" s="105">
        <v>0.27440000000000003</v>
      </c>
      <c r="AL42" s="106">
        <v>0.21099999999999999</v>
      </c>
      <c r="AM42" s="97">
        <v>7.7044491720946087E-2</v>
      </c>
      <c r="AN42" s="106">
        <v>0.17399999999999999</v>
      </c>
      <c r="AO42" s="97">
        <v>7.2141386730251084E-2</v>
      </c>
      <c r="AP42" s="106">
        <v>0.52700000000000002</v>
      </c>
      <c r="AQ42" s="97">
        <v>9.2721386335783862E-2</v>
      </c>
      <c r="AR42" s="96">
        <v>8.6999999999999994E-2</v>
      </c>
      <c r="AS42" s="97">
        <v>5.6014641689867709E-2</v>
      </c>
    </row>
    <row r="43" spans="1:45">
      <c r="A43" s="53" t="s">
        <v>441</v>
      </c>
      <c r="B43" s="99">
        <v>61</v>
      </c>
      <c r="C43" s="100">
        <v>5</v>
      </c>
      <c r="D43" s="101">
        <v>0.3528</v>
      </c>
      <c r="E43" s="102">
        <v>9.4E-2</v>
      </c>
      <c r="F43" s="94">
        <v>8.0317553091133878E-2</v>
      </c>
      <c r="G43" s="102">
        <v>0.255</v>
      </c>
      <c r="H43" s="94">
        <v>0.11014267074976328</v>
      </c>
      <c r="I43" s="102">
        <v>0.63600000000000001</v>
      </c>
      <c r="J43" s="94">
        <v>0.1199257171997764</v>
      </c>
      <c r="K43" s="93">
        <v>1.4999999999999999E-2</v>
      </c>
      <c r="L43" s="94">
        <v>5.1341976427367562E-2</v>
      </c>
      <c r="M43" s="99">
        <v>61</v>
      </c>
      <c r="N43" s="100">
        <v>5.0999999999999996</v>
      </c>
      <c r="O43" s="101">
        <v>0.3528</v>
      </c>
      <c r="P43" s="102">
        <v>0.153</v>
      </c>
      <c r="Q43" s="94">
        <v>9.4120898516488916E-2</v>
      </c>
      <c r="R43" s="102">
        <v>9.6000000000000002E-2</v>
      </c>
      <c r="S43" s="94">
        <v>8.0862286343843598E-2</v>
      </c>
      <c r="T43" s="102">
        <v>0.751</v>
      </c>
      <c r="U43" s="94">
        <v>0.10940802545788232</v>
      </c>
      <c r="V43" s="93">
        <v>0</v>
      </c>
      <c r="W43" s="94">
        <v>4.2839582851592964E-2</v>
      </c>
      <c r="X43" s="99">
        <v>61</v>
      </c>
      <c r="Y43" s="100">
        <v>4.4000000000000004</v>
      </c>
      <c r="Z43" s="101">
        <v>0.37240000000000001</v>
      </c>
      <c r="AA43" s="102">
        <v>6.5000000000000002E-2</v>
      </c>
      <c r="AB43" s="94">
        <v>7.1617633863457625E-2</v>
      </c>
      <c r="AC43" s="102">
        <v>0.128</v>
      </c>
      <c r="AD43" s="94">
        <v>8.8794947594174306E-2</v>
      </c>
      <c r="AE43" s="102">
        <v>0.80700000000000005</v>
      </c>
      <c r="AF43" s="94">
        <v>0.1013733260723067</v>
      </c>
      <c r="AG43" s="93">
        <v>0</v>
      </c>
      <c r="AH43" s="94">
        <v>4.2839582851592964E-2</v>
      </c>
      <c r="AI43" s="99">
        <v>61</v>
      </c>
      <c r="AJ43" s="100">
        <v>5.5</v>
      </c>
      <c r="AK43" s="101">
        <v>0.3528</v>
      </c>
      <c r="AL43" s="102">
        <v>0.223</v>
      </c>
      <c r="AM43" s="94">
        <v>0.10595325467678877</v>
      </c>
      <c r="AN43" s="102">
        <v>0.26</v>
      </c>
      <c r="AO43" s="94">
        <v>0.11073769439305757</v>
      </c>
      <c r="AP43" s="102">
        <v>0.377</v>
      </c>
      <c r="AQ43" s="94">
        <v>0.12068413636489719</v>
      </c>
      <c r="AR43" s="93">
        <v>0.14099999999999999</v>
      </c>
      <c r="AS43" s="94">
        <v>9.1649233280239245E-2</v>
      </c>
    </row>
    <row r="44" spans="1:45">
      <c r="A44" s="49" t="s">
        <v>446</v>
      </c>
      <c r="B44" s="103">
        <v>88</v>
      </c>
      <c r="C44" s="104">
        <v>4.8</v>
      </c>
      <c r="D44" s="105">
        <v>0.27440000000000003</v>
      </c>
      <c r="E44" s="106">
        <v>9.1999999999999998E-2</v>
      </c>
      <c r="F44" s="97">
        <v>6.5174165889561E-2</v>
      </c>
      <c r="G44" s="106">
        <v>0.27200000000000002</v>
      </c>
      <c r="H44" s="97">
        <v>9.3817139297002999E-2</v>
      </c>
      <c r="I44" s="106">
        <v>0.47099999999999997</v>
      </c>
      <c r="J44" s="97">
        <v>0.10409664001651085</v>
      </c>
      <c r="K44" s="96">
        <v>0.16500000000000001</v>
      </c>
      <c r="L44" s="97">
        <v>8.0033023101205997E-2</v>
      </c>
      <c r="M44" s="103">
        <v>88</v>
      </c>
      <c r="N44" s="104">
        <v>4.7</v>
      </c>
      <c r="O44" s="105">
        <v>0.25480000000000003</v>
      </c>
      <c r="P44" s="106">
        <v>0.12</v>
      </c>
      <c r="Q44" s="97">
        <v>7.159170278474293E-2</v>
      </c>
      <c r="R44" s="106">
        <v>0.26900000000000002</v>
      </c>
      <c r="S44" s="97">
        <v>9.3524750386321284E-2</v>
      </c>
      <c r="T44" s="106">
        <v>0.433</v>
      </c>
      <c r="U44" s="97">
        <v>0.10339726302066404</v>
      </c>
      <c r="V44" s="96">
        <v>0.17899999999999999</v>
      </c>
      <c r="W44" s="97">
        <v>8.2283788476083322E-2</v>
      </c>
      <c r="X44" s="103">
        <v>88</v>
      </c>
      <c r="Y44" s="104">
        <v>3.7</v>
      </c>
      <c r="Z44" s="105">
        <v>0.3332</v>
      </c>
      <c r="AA44" s="106">
        <v>0.23</v>
      </c>
      <c r="AB44" s="97">
        <v>8.9272743601065838E-2</v>
      </c>
      <c r="AC44" s="106">
        <v>0.185</v>
      </c>
      <c r="AD44" s="97">
        <v>8.3201089557324498E-2</v>
      </c>
      <c r="AE44" s="106">
        <v>0.437</v>
      </c>
      <c r="AF44" s="97">
        <v>0.10349724373545746</v>
      </c>
      <c r="AG44" s="96">
        <v>0.14799999999999999</v>
      </c>
      <c r="AH44" s="97">
        <v>7.7075919040673749E-2</v>
      </c>
      <c r="AI44" s="103">
        <v>88</v>
      </c>
      <c r="AJ44" s="104">
        <v>4.5</v>
      </c>
      <c r="AK44" s="105">
        <v>0.27440000000000003</v>
      </c>
      <c r="AL44" s="106">
        <v>0.312</v>
      </c>
      <c r="AM44" s="97">
        <v>9.7280986669478209E-2</v>
      </c>
      <c r="AN44" s="106">
        <v>0.216</v>
      </c>
      <c r="AO44" s="97">
        <v>8.7527659332280336E-2</v>
      </c>
      <c r="AP44" s="106">
        <v>0.24199999999999999</v>
      </c>
      <c r="AQ44" s="97">
        <v>9.0673409180461129E-2</v>
      </c>
      <c r="AR44" s="96">
        <v>0.23</v>
      </c>
      <c r="AS44" s="97">
        <v>8.9272743601065838E-2</v>
      </c>
    </row>
    <row r="45" spans="1:45">
      <c r="A45" s="53" t="s">
        <v>447</v>
      </c>
      <c r="B45" s="99">
        <v>105</v>
      </c>
      <c r="C45" s="100">
        <v>3.7</v>
      </c>
      <c r="D45" s="101">
        <v>0.27440000000000003</v>
      </c>
      <c r="E45" s="102">
        <v>0.34699999999999998</v>
      </c>
      <c r="F45" s="94">
        <v>9.1526818073000088E-2</v>
      </c>
      <c r="G45" s="102">
        <v>0.35199999999999998</v>
      </c>
      <c r="H45" s="94">
        <v>9.180636486775548E-2</v>
      </c>
      <c r="I45" s="102">
        <v>0.30099999999999999</v>
      </c>
      <c r="J45" s="94">
        <v>8.8463368300526493E-2</v>
      </c>
      <c r="K45" s="93">
        <v>0</v>
      </c>
      <c r="L45" s="94">
        <v>2.5709707484377786E-2</v>
      </c>
      <c r="M45" s="99">
        <v>106</v>
      </c>
      <c r="N45" s="100">
        <v>4.4000000000000004</v>
      </c>
      <c r="O45" s="101">
        <v>0.27440000000000003</v>
      </c>
      <c r="P45" s="102">
        <v>0.19400000000000001</v>
      </c>
      <c r="Q45" s="94">
        <v>7.7000607957633874E-2</v>
      </c>
      <c r="R45" s="102">
        <v>0.40799999999999997</v>
      </c>
      <c r="S45" s="94">
        <v>9.3835517906261323E-2</v>
      </c>
      <c r="T45" s="102">
        <v>0.39800000000000002</v>
      </c>
      <c r="U45" s="94">
        <v>9.3485807807696414E-2</v>
      </c>
      <c r="V45" s="93">
        <v>0</v>
      </c>
      <c r="W45" s="94">
        <v>2.5478147263468021E-2</v>
      </c>
      <c r="X45" s="99">
        <v>105</v>
      </c>
      <c r="Y45" s="100">
        <v>3.3</v>
      </c>
      <c r="Z45" s="101">
        <v>0.27440000000000003</v>
      </c>
      <c r="AA45" s="102">
        <v>9.1999999999999998E-2</v>
      </c>
      <c r="AB45" s="94">
        <v>5.9208654901357759E-2</v>
      </c>
      <c r="AC45" s="102">
        <v>0.17599999999999999</v>
      </c>
      <c r="AD45" s="94">
        <v>7.4830031412381773E-2</v>
      </c>
      <c r="AE45" s="102">
        <v>0.73199999999999998</v>
      </c>
      <c r="AF45" s="94">
        <v>8.5682130963736697E-2</v>
      </c>
      <c r="AG45" s="93">
        <v>0</v>
      </c>
      <c r="AH45" s="94">
        <v>2.5709707484377786E-2</v>
      </c>
      <c r="AI45" s="99">
        <v>105</v>
      </c>
      <c r="AJ45" s="100">
        <v>4.9000000000000004</v>
      </c>
      <c r="AK45" s="101">
        <v>0.25480000000000003</v>
      </c>
      <c r="AL45" s="102">
        <v>0.52300000000000002</v>
      </c>
      <c r="AM45" s="94">
        <v>9.5688545476548592E-2</v>
      </c>
      <c r="AN45" s="102">
        <v>0.24299999999999999</v>
      </c>
      <c r="AO45" s="94">
        <v>8.32173424128511E-2</v>
      </c>
      <c r="AP45" s="102">
        <v>0.19900000000000001</v>
      </c>
      <c r="AQ45" s="94">
        <v>7.8032362940444494E-2</v>
      </c>
      <c r="AR45" s="93">
        <v>3.5000000000000003E-2</v>
      </c>
      <c r="AS45" s="94">
        <v>4.2557478524401858E-2</v>
      </c>
    </row>
    <row r="46" spans="1:45">
      <c r="A46" s="49" t="s">
        <v>442</v>
      </c>
      <c r="B46" s="103">
        <v>72</v>
      </c>
      <c r="C46" s="104">
        <v>3.6</v>
      </c>
      <c r="D46" s="105">
        <v>0.3528</v>
      </c>
      <c r="E46" s="106">
        <v>0.38600000000000001</v>
      </c>
      <c r="F46" s="97">
        <v>0.112</v>
      </c>
      <c r="G46" s="106">
        <v>0.22600000000000001</v>
      </c>
      <c r="H46" s="97">
        <v>9.8038330335130305E-2</v>
      </c>
      <c r="I46" s="106">
        <v>0.38700000000000001</v>
      </c>
      <c r="J46" s="97">
        <v>0.11204785962210927</v>
      </c>
      <c r="K46" s="96">
        <v>0</v>
      </c>
      <c r="L46" s="97">
        <v>3.6723195522334773E-2</v>
      </c>
      <c r="M46" s="103">
        <v>72</v>
      </c>
      <c r="N46" s="104">
        <v>4.5</v>
      </c>
      <c r="O46" s="105">
        <v>0.3332</v>
      </c>
      <c r="P46" s="106">
        <v>0.26700000000000002</v>
      </c>
      <c r="Q46" s="97">
        <v>0.10292440929285922</v>
      </c>
      <c r="R46" s="106">
        <v>0.221</v>
      </c>
      <c r="S46" s="97">
        <v>9.7369930361888971E-2</v>
      </c>
      <c r="T46" s="106">
        <v>0.51200000000000001</v>
      </c>
      <c r="U46" s="97">
        <v>0.11467821318407939</v>
      </c>
      <c r="V46" s="96">
        <v>0</v>
      </c>
      <c r="W46" s="97">
        <v>3.6723195522334773E-2</v>
      </c>
      <c r="X46" s="103">
        <v>72</v>
      </c>
      <c r="Y46" s="104">
        <v>3.2</v>
      </c>
      <c r="Z46" s="105">
        <v>0.31359999999999999</v>
      </c>
      <c r="AA46" s="106">
        <v>0.115</v>
      </c>
      <c r="AB46" s="97">
        <v>7.8461199264712109E-2</v>
      </c>
      <c r="AC46" s="106">
        <v>0.23599999999999999</v>
      </c>
      <c r="AD46" s="97">
        <v>9.9325980419795984E-2</v>
      </c>
      <c r="AE46" s="106">
        <v>0.64900000000000002</v>
      </c>
      <c r="AF46" s="97">
        <v>0.11004172623755107</v>
      </c>
      <c r="AG46" s="96">
        <v>0</v>
      </c>
      <c r="AH46" s="97">
        <v>3.6723195522334773E-2</v>
      </c>
      <c r="AI46" s="103">
        <v>72</v>
      </c>
      <c r="AJ46" s="104">
        <v>4.9000000000000004</v>
      </c>
      <c r="AK46" s="105">
        <v>0.3332</v>
      </c>
      <c r="AL46" s="106">
        <v>0.51700000000000002</v>
      </c>
      <c r="AM46" s="97">
        <v>0.1146483457540388</v>
      </c>
      <c r="AN46" s="106">
        <v>0.23499999999999999</v>
      </c>
      <c r="AO46" s="97">
        <v>9.9200110403505348E-2</v>
      </c>
      <c r="AP46" s="106">
        <v>0.223</v>
      </c>
      <c r="AQ46" s="97">
        <v>9.7639290822942051E-2</v>
      </c>
      <c r="AR46" s="96">
        <v>2.5000000000000001E-2</v>
      </c>
      <c r="AS46" s="97">
        <v>4.9999999999999996E-2</v>
      </c>
    </row>
    <row r="47" spans="1:45">
      <c r="A47" s="45" t="s">
        <v>448</v>
      </c>
      <c r="B47" s="99">
        <v>253</v>
      </c>
      <c r="C47" s="100">
        <v>4.5</v>
      </c>
      <c r="D47" s="101">
        <v>0.1764</v>
      </c>
      <c r="E47" s="102">
        <v>0.19</v>
      </c>
      <c r="F47" s="94">
        <v>4.941181824360312E-2</v>
      </c>
      <c r="G47" s="102">
        <v>0.32700000000000001</v>
      </c>
      <c r="H47" s="94">
        <v>5.8648248008021611E-2</v>
      </c>
      <c r="I47" s="102">
        <v>0.47099999999999997</v>
      </c>
      <c r="J47" s="94">
        <v>6.2276523455543124E-2</v>
      </c>
      <c r="K47" s="93">
        <v>1.2E-2</v>
      </c>
      <c r="L47" s="94">
        <v>1.7291888182796453E-2</v>
      </c>
      <c r="M47" s="99">
        <v>251</v>
      </c>
      <c r="N47" s="100">
        <v>4.8</v>
      </c>
      <c r="O47" s="101">
        <v>0.1764</v>
      </c>
      <c r="P47" s="102">
        <v>0.13</v>
      </c>
      <c r="Q47" s="94">
        <v>4.2906412785514172E-2</v>
      </c>
      <c r="R47" s="102">
        <v>0.24399999999999999</v>
      </c>
      <c r="S47" s="94">
        <v>5.4088367150076463E-2</v>
      </c>
      <c r="T47" s="102">
        <v>0.62</v>
      </c>
      <c r="U47" s="94">
        <v>6.0849956444251049E-2</v>
      </c>
      <c r="V47" s="93">
        <v>6.0000000000000001E-3</v>
      </c>
      <c r="W47" s="94">
        <v>1.4584431165937906E-2</v>
      </c>
      <c r="X47" s="99">
        <v>250</v>
      </c>
      <c r="Y47" s="100">
        <v>4</v>
      </c>
      <c r="Z47" s="101">
        <v>0.1764</v>
      </c>
      <c r="AA47" s="102">
        <v>0.113</v>
      </c>
      <c r="AB47" s="94">
        <v>4.0646544646313516E-2</v>
      </c>
      <c r="AC47" s="102">
        <v>0.252</v>
      </c>
      <c r="AD47" s="94">
        <v>5.4760449092526114E-2</v>
      </c>
      <c r="AE47" s="102">
        <v>0.63100000000000001</v>
      </c>
      <c r="AF47" s="94">
        <v>6.0623434049163885E-2</v>
      </c>
      <c r="AG47" s="93">
        <v>4.0000000000000001E-3</v>
      </c>
      <c r="AH47" s="94">
        <v>1.3557415580166215E-2</v>
      </c>
      <c r="AI47" s="99">
        <v>250</v>
      </c>
      <c r="AJ47" s="100">
        <v>4.9000000000000004</v>
      </c>
      <c r="AK47" s="101">
        <v>0.1764</v>
      </c>
      <c r="AL47" s="102">
        <v>0.33300000000000002</v>
      </c>
      <c r="AM47" s="94">
        <v>5.9258206809278749E-2</v>
      </c>
      <c r="AN47" s="102">
        <v>0.29499999999999998</v>
      </c>
      <c r="AO47" s="94">
        <v>5.7409730556940146E-2</v>
      </c>
      <c r="AP47" s="102">
        <v>0.34100000000000003</v>
      </c>
      <c r="AQ47" s="94">
        <v>5.9592974043934203E-2</v>
      </c>
      <c r="AR47" s="93">
        <v>3.2000000000000001E-2</v>
      </c>
      <c r="AS47" s="94">
        <v>2.4404748356919952E-2</v>
      </c>
    </row>
    <row r="48" spans="1:45" ht="25.5">
      <c r="A48" s="49" t="s">
        <v>443</v>
      </c>
      <c r="B48" s="103">
        <v>112</v>
      </c>
      <c r="C48" s="104">
        <v>4.7</v>
      </c>
      <c r="D48" s="105">
        <v>0.25480000000000003</v>
      </c>
      <c r="E48" s="106">
        <v>0.1</v>
      </c>
      <c r="F48" s="97">
        <v>5.8969376347004762E-2</v>
      </c>
      <c r="G48" s="106">
        <v>0.40600000000000003</v>
      </c>
      <c r="H48" s="97">
        <v>9.1305261541655108E-2</v>
      </c>
      <c r="I48" s="106">
        <v>0.49299999999999999</v>
      </c>
      <c r="J48" s="97">
        <v>9.2839186332283524E-2</v>
      </c>
      <c r="K48" s="96">
        <v>0</v>
      </c>
      <c r="L48" s="97">
        <v>2.4171880321350918E-2</v>
      </c>
      <c r="M48" s="103">
        <v>111</v>
      </c>
      <c r="N48" s="104">
        <v>5</v>
      </c>
      <c r="O48" s="105">
        <v>0.23519999999999999</v>
      </c>
      <c r="P48" s="106">
        <v>8.6999999999999994E-2</v>
      </c>
      <c r="Q48" s="97">
        <v>5.6288174708221207E-2</v>
      </c>
      <c r="R48" s="106">
        <v>0.28599999999999998</v>
      </c>
      <c r="S48" s="97">
        <v>8.4921324884098939E-2</v>
      </c>
      <c r="T48" s="106">
        <v>0.627</v>
      </c>
      <c r="U48" s="97">
        <v>9.0404598583569307E-2</v>
      </c>
      <c r="V48" s="96">
        <v>0</v>
      </c>
      <c r="W48" s="97">
        <v>2.4380210707016403E-2</v>
      </c>
      <c r="X48" s="103">
        <v>111</v>
      </c>
      <c r="Y48" s="104">
        <v>4.2</v>
      </c>
      <c r="Z48" s="105">
        <v>0.25480000000000003</v>
      </c>
      <c r="AA48" s="106">
        <v>0.111</v>
      </c>
      <c r="AB48" s="97">
        <v>6.1579953145544153E-2</v>
      </c>
      <c r="AC48" s="106">
        <v>0.156</v>
      </c>
      <c r="AD48" s="97">
        <v>6.9720660811055879E-2</v>
      </c>
      <c r="AE48" s="106">
        <v>0.73199999999999998</v>
      </c>
      <c r="AF48" s="97">
        <v>8.3375559004046751E-2</v>
      </c>
      <c r="AG48" s="96">
        <v>0</v>
      </c>
      <c r="AH48" s="97">
        <v>2.4380210707016403E-2</v>
      </c>
      <c r="AI48" s="103">
        <v>111</v>
      </c>
      <c r="AJ48" s="104">
        <v>5.0999999999999996</v>
      </c>
      <c r="AK48" s="105">
        <v>0.23519999999999999</v>
      </c>
      <c r="AL48" s="106">
        <v>0.25600000000000001</v>
      </c>
      <c r="AM48" s="97">
        <v>8.2258047070678603E-2</v>
      </c>
      <c r="AN48" s="106">
        <v>0.28999999999999998</v>
      </c>
      <c r="AO48" s="97">
        <v>8.5244298055349652E-2</v>
      </c>
      <c r="AP48" s="106">
        <v>0.42799999999999999</v>
      </c>
      <c r="AQ48" s="97">
        <v>9.234535450360945E-2</v>
      </c>
      <c r="AR48" s="96">
        <v>2.5999999999999999E-2</v>
      </c>
      <c r="AS48" s="97">
        <v>3.7616746986119137E-2</v>
      </c>
    </row>
    <row r="49" spans="1:45" ht="25.5">
      <c r="A49" s="53" t="s">
        <v>444</v>
      </c>
      <c r="B49" s="83">
        <v>70</v>
      </c>
      <c r="C49" s="84">
        <v>3.9</v>
      </c>
      <c r="D49" s="85">
        <v>0.37240000000000001</v>
      </c>
      <c r="E49" s="98">
        <v>0.42499999999999999</v>
      </c>
      <c r="F49" s="94">
        <v>0.11507146375395406</v>
      </c>
      <c r="G49" s="98">
        <v>0.27700000000000002</v>
      </c>
      <c r="H49" s="94">
        <v>0.10539547348836296</v>
      </c>
      <c r="I49" s="98">
        <v>0.29799999999999999</v>
      </c>
      <c r="J49" s="94">
        <v>0.1074238939782638</v>
      </c>
      <c r="K49" s="98">
        <v>0</v>
      </c>
      <c r="L49" s="94">
        <v>3.7701936889887336E-2</v>
      </c>
      <c r="M49" s="83">
        <v>70</v>
      </c>
      <c r="N49" s="84">
        <v>4.5</v>
      </c>
      <c r="O49" s="85">
        <v>0.3332</v>
      </c>
      <c r="P49" s="98">
        <v>0.161</v>
      </c>
      <c r="Q49" s="94">
        <v>8.9190688833486589E-2</v>
      </c>
      <c r="R49" s="98">
        <v>0.193</v>
      </c>
      <c r="S49" s="94">
        <v>9.4630062222782474E-2</v>
      </c>
      <c r="T49" s="98">
        <v>0.64600000000000002</v>
      </c>
      <c r="U49" s="94">
        <v>0.11172508500896033</v>
      </c>
      <c r="V49" s="98">
        <v>0</v>
      </c>
      <c r="W49" s="94">
        <v>3.7701936889887336E-2</v>
      </c>
      <c r="X49" s="83">
        <v>69</v>
      </c>
      <c r="Y49" s="84">
        <v>3.6</v>
      </c>
      <c r="Z49" s="85">
        <v>0.37240000000000001</v>
      </c>
      <c r="AA49" s="98">
        <v>0.154</v>
      </c>
      <c r="AB49" s="94">
        <v>8.853267227531407E-2</v>
      </c>
      <c r="AC49" s="98">
        <v>0.38700000000000001</v>
      </c>
      <c r="AD49" s="94">
        <v>0.11433955782260513</v>
      </c>
      <c r="AE49" s="98">
        <v>0.45900000000000002</v>
      </c>
      <c r="AF49" s="94">
        <v>0.11668906630878979</v>
      </c>
      <c r="AG49" s="98">
        <v>0</v>
      </c>
      <c r="AH49" s="94">
        <v>3.821112970151376E-2</v>
      </c>
      <c r="AI49" s="83">
        <v>70</v>
      </c>
      <c r="AJ49" s="84">
        <v>4.4000000000000004</v>
      </c>
      <c r="AK49" s="85">
        <v>0.3332</v>
      </c>
      <c r="AL49" s="98">
        <v>0.55400000000000005</v>
      </c>
      <c r="AM49" s="94">
        <v>0.11563940298152563</v>
      </c>
      <c r="AN49" s="98">
        <v>0.20599999999999999</v>
      </c>
      <c r="AO49" s="94">
        <v>9.6606160679978806E-2</v>
      </c>
      <c r="AP49" s="98">
        <v>0.24</v>
      </c>
      <c r="AQ49" s="94">
        <v>0.10121173729412415</v>
      </c>
      <c r="AR49" s="98">
        <v>0</v>
      </c>
      <c r="AS49" s="94">
        <v>3.7701936889887336E-2</v>
      </c>
    </row>
    <row r="50" spans="1:45">
      <c r="A50" s="49" t="s">
        <v>445</v>
      </c>
      <c r="B50" s="103">
        <v>71</v>
      </c>
      <c r="C50" s="104">
        <v>4.8</v>
      </c>
      <c r="D50" s="105">
        <v>0.3528</v>
      </c>
      <c r="E50" s="106">
        <v>0.13900000000000001</v>
      </c>
      <c r="F50" s="97">
        <v>8.4288145729506464E-2</v>
      </c>
      <c r="G50" s="106">
        <v>0.247</v>
      </c>
      <c r="H50" s="97">
        <v>0.10136049371682498</v>
      </c>
      <c r="I50" s="106">
        <v>0.57599999999999996</v>
      </c>
      <c r="J50" s="97">
        <v>0.1142683804979734</v>
      </c>
      <c r="K50" s="96">
        <v>3.7999999999999999E-2</v>
      </c>
      <c r="L50" s="97">
        <v>5.5960095496701931E-2</v>
      </c>
      <c r="M50" s="103">
        <v>70</v>
      </c>
      <c r="N50" s="104">
        <v>4.7</v>
      </c>
      <c r="O50" s="105">
        <v>0.37240000000000001</v>
      </c>
      <c r="P50" s="106">
        <v>0.17</v>
      </c>
      <c r="Q50" s="97">
        <v>9.0808615055717662E-2</v>
      </c>
      <c r="R50" s="106">
        <v>0.223</v>
      </c>
      <c r="S50" s="97">
        <v>9.9006370831697776E-2</v>
      </c>
      <c r="T50" s="106">
        <v>0.58899999999999997</v>
      </c>
      <c r="U50" s="97">
        <v>0.11458790569256871</v>
      </c>
      <c r="V50" s="96">
        <v>1.9E-2</v>
      </c>
      <c r="W50" s="97">
        <v>4.8197229930494689E-2</v>
      </c>
      <c r="X50" s="103">
        <v>70</v>
      </c>
      <c r="Y50" s="104">
        <v>4</v>
      </c>
      <c r="Z50" s="105">
        <v>0.3528</v>
      </c>
      <c r="AA50" s="106">
        <v>8.2000000000000003E-2</v>
      </c>
      <c r="AB50" s="97">
        <v>7.1150607441211294E-2</v>
      </c>
      <c r="AC50" s="106">
        <v>0.28899999999999998</v>
      </c>
      <c r="AD50" s="97">
        <v>0.10658380735203216</v>
      </c>
      <c r="AE50" s="106">
        <v>0.61499999999999999</v>
      </c>
      <c r="AF50" s="97">
        <v>0.11346295701876592</v>
      </c>
      <c r="AG50" s="96">
        <v>1.4E-2</v>
      </c>
      <c r="AH50" s="97">
        <v>4.5706806875308384E-2</v>
      </c>
      <c r="AI50" s="103">
        <v>69</v>
      </c>
      <c r="AJ50" s="104">
        <v>5.0999999999999996</v>
      </c>
      <c r="AK50" s="105">
        <v>0.3332</v>
      </c>
      <c r="AL50" s="106">
        <v>0.27200000000000002</v>
      </c>
      <c r="AM50" s="97">
        <v>0.10561153888241526</v>
      </c>
      <c r="AN50" s="106">
        <v>0.374</v>
      </c>
      <c r="AO50" s="97">
        <v>0.11367248528834294</v>
      </c>
      <c r="AP50" s="106">
        <v>0.28799999999999998</v>
      </c>
      <c r="AQ50" s="97">
        <v>0.10723075315959647</v>
      </c>
      <c r="AR50" s="96">
        <v>6.6000000000000003E-2</v>
      </c>
      <c r="AS50" s="97">
        <v>6.6916519627815238E-2</v>
      </c>
    </row>
    <row r="51" spans="1:45">
      <c r="A51" s="57" t="s">
        <v>449</v>
      </c>
      <c r="B51" s="99">
        <v>100</v>
      </c>
      <c r="C51" s="100">
        <v>4.2</v>
      </c>
      <c r="D51" s="101">
        <v>0.31359999999999999</v>
      </c>
      <c r="E51" s="102">
        <v>0.30399999999999999</v>
      </c>
      <c r="F51" s="94">
        <v>9.0825752134493995E-2</v>
      </c>
      <c r="G51" s="102">
        <v>0.25900000000000001</v>
      </c>
      <c r="H51" s="94">
        <v>8.6890924238760409E-2</v>
      </c>
      <c r="I51" s="102">
        <v>0.42199999999999999</v>
      </c>
      <c r="J51" s="94">
        <v>9.6948638265519027E-2</v>
      </c>
      <c r="K51" s="93">
        <v>1.6E-2</v>
      </c>
      <c r="L51" s="94">
        <v>3.5850737447255691E-2</v>
      </c>
      <c r="M51" s="99">
        <v>100</v>
      </c>
      <c r="N51" s="100">
        <v>4.5999999999999996</v>
      </c>
      <c r="O51" s="101">
        <v>0.27440000000000003</v>
      </c>
      <c r="P51" s="102">
        <v>0.161</v>
      </c>
      <c r="Q51" s="94">
        <v>7.4355972147446284E-2</v>
      </c>
      <c r="R51" s="102">
        <v>0.33600000000000002</v>
      </c>
      <c r="S51" s="94">
        <v>9.3053569372013339E-2</v>
      </c>
      <c r="T51" s="102">
        <v>0.503</v>
      </c>
      <c r="U51" s="94">
        <v>9.8056435671991932E-2</v>
      </c>
      <c r="V51" s="93">
        <v>0</v>
      </c>
      <c r="W51" s="94">
        <v>2.693364120714959E-2</v>
      </c>
      <c r="X51" s="99">
        <v>100</v>
      </c>
      <c r="Y51" s="100">
        <v>4.0999999999999996</v>
      </c>
      <c r="Z51" s="101">
        <v>0.29399999999999998</v>
      </c>
      <c r="AA51" s="102">
        <v>0.184</v>
      </c>
      <c r="AB51" s="94">
        <v>7.7875026804020434E-2</v>
      </c>
      <c r="AC51" s="102">
        <v>0.251</v>
      </c>
      <c r="AD51" s="94">
        <v>8.608506308312959E-2</v>
      </c>
      <c r="AE51" s="102">
        <v>0.56599999999999995</v>
      </c>
      <c r="AF51" s="94">
        <v>9.7265029120695762E-2</v>
      </c>
      <c r="AG51" s="93">
        <v>0</v>
      </c>
      <c r="AH51" s="94">
        <v>2.693364120714959E-2</v>
      </c>
      <c r="AI51" s="99">
        <v>100</v>
      </c>
      <c r="AJ51" s="100">
        <v>4.5999999999999996</v>
      </c>
      <c r="AK51" s="101">
        <v>0.27440000000000003</v>
      </c>
      <c r="AL51" s="102">
        <v>0.312</v>
      </c>
      <c r="AM51" s="94">
        <v>9.1425144918397719E-2</v>
      </c>
      <c r="AN51" s="102">
        <v>0.317</v>
      </c>
      <c r="AO51" s="94">
        <v>9.1785187547683333E-2</v>
      </c>
      <c r="AP51" s="102">
        <v>0.35799999999999998</v>
      </c>
      <c r="AQ51" s="94">
        <v>9.4331096210820115E-2</v>
      </c>
      <c r="AR51" s="93">
        <v>1.2999999999999999E-2</v>
      </c>
      <c r="AS51" s="94">
        <v>3.4375711189729978E-2</v>
      </c>
    </row>
    <row r="52" spans="1:45">
      <c r="A52" s="49" t="s">
        <v>454</v>
      </c>
      <c r="B52" s="103">
        <v>71</v>
      </c>
      <c r="C52" s="104">
        <v>4.5</v>
      </c>
      <c r="D52" s="105">
        <v>0.3528</v>
      </c>
      <c r="E52" s="106">
        <v>0.23499999999999999</v>
      </c>
      <c r="F52" s="97">
        <v>9.9884177073396516E-2</v>
      </c>
      <c r="G52" s="106">
        <v>0.20599999999999999</v>
      </c>
      <c r="H52" s="97">
        <v>9.5927188387860088E-2</v>
      </c>
      <c r="I52" s="106">
        <v>0.55900000000000005</v>
      </c>
      <c r="J52" s="97">
        <v>0.11474735265630152</v>
      </c>
      <c r="K52" s="96">
        <v>0</v>
      </c>
      <c r="L52" s="97">
        <v>3.7206132509255738E-2</v>
      </c>
      <c r="M52" s="103">
        <v>72</v>
      </c>
      <c r="N52" s="104">
        <v>5.0999999999999996</v>
      </c>
      <c r="O52" s="105">
        <v>0.3528</v>
      </c>
      <c r="P52" s="106">
        <v>0.13900000000000001</v>
      </c>
      <c r="Q52" s="97">
        <v>8.3677325105682626E-2</v>
      </c>
      <c r="R52" s="106">
        <v>0.19800000000000001</v>
      </c>
      <c r="S52" s="97">
        <v>9.4072698202074104E-2</v>
      </c>
      <c r="T52" s="106">
        <v>0.66300000000000003</v>
      </c>
      <c r="U52" s="97">
        <v>0.10910018054501804</v>
      </c>
      <c r="V52" s="96">
        <v>0</v>
      </c>
      <c r="W52" s="97">
        <v>3.6723195522334773E-2</v>
      </c>
      <c r="X52" s="103">
        <v>71</v>
      </c>
      <c r="Y52" s="104">
        <v>4.3</v>
      </c>
      <c r="Z52" s="105">
        <v>0.37240000000000001</v>
      </c>
      <c r="AA52" s="106">
        <v>0.13800000000000001</v>
      </c>
      <c r="AB52" s="97">
        <v>8.4082904893964069E-2</v>
      </c>
      <c r="AC52" s="106">
        <v>0.22900000000000001</v>
      </c>
      <c r="AD52" s="97">
        <v>9.9111737030410207E-2</v>
      </c>
      <c r="AE52" s="106">
        <v>0.63200000000000001</v>
      </c>
      <c r="AF52" s="97">
        <v>0.11180578360711041</v>
      </c>
      <c r="AG52" s="96">
        <v>0</v>
      </c>
      <c r="AH52" s="97">
        <v>3.7206132509255738E-2</v>
      </c>
      <c r="AI52" s="103">
        <v>72</v>
      </c>
      <c r="AJ52" s="104">
        <v>4.9000000000000004</v>
      </c>
      <c r="AK52" s="105">
        <v>0.3332</v>
      </c>
      <c r="AL52" s="106">
        <v>0.21</v>
      </c>
      <c r="AM52" s="97">
        <v>9.5839687304545368E-2</v>
      </c>
      <c r="AN52" s="106">
        <v>0.29099999999999998</v>
      </c>
      <c r="AO52" s="97">
        <v>0.10533055736959467</v>
      </c>
      <c r="AP52" s="106">
        <v>0.4</v>
      </c>
      <c r="AQ52" s="97">
        <v>0.1126300256190297</v>
      </c>
      <c r="AR52" s="96">
        <v>9.8000000000000004E-2</v>
      </c>
      <c r="AS52" s="97">
        <v>7.4324781890637459E-2</v>
      </c>
    </row>
    <row r="61" spans="1:45" ht="18.75">
      <c r="A61" s="324" t="s">
        <v>253</v>
      </c>
      <c r="B61" s="324"/>
      <c r="C61" s="324"/>
      <c r="D61" s="324"/>
      <c r="E61" s="324"/>
      <c r="F61" s="324"/>
      <c r="G61" s="324"/>
      <c r="H61" s="324"/>
      <c r="I61" s="324"/>
      <c r="J61" s="324"/>
      <c r="K61" s="324"/>
      <c r="L61" s="324"/>
      <c r="M61" s="324"/>
      <c r="N61" s="324"/>
      <c r="O61" s="324"/>
      <c r="P61" s="324"/>
      <c r="Q61" s="324"/>
      <c r="R61" s="324"/>
      <c r="S61" s="324"/>
      <c r="T61" s="324"/>
      <c r="U61" s="324"/>
      <c r="V61" s="324"/>
      <c r="W61" s="324"/>
    </row>
    <row r="62" spans="1:45" ht="66" customHeight="1">
      <c r="A62" s="331" t="s">
        <v>383</v>
      </c>
      <c r="B62" s="331"/>
      <c r="C62" s="331"/>
      <c r="D62" s="331"/>
      <c r="E62" s="331"/>
      <c r="F62" s="331"/>
      <c r="G62" s="331"/>
      <c r="H62" s="331"/>
      <c r="I62" s="331"/>
      <c r="J62" s="331"/>
      <c r="K62" s="331"/>
      <c r="L62" s="331"/>
      <c r="M62" s="331"/>
      <c r="N62" s="331"/>
      <c r="O62" s="331"/>
      <c r="P62" s="331"/>
      <c r="Q62" s="331"/>
      <c r="R62" s="331"/>
      <c r="S62" s="331"/>
      <c r="T62" s="331"/>
      <c r="U62" s="331"/>
      <c r="V62" s="331"/>
      <c r="W62" s="331"/>
    </row>
    <row r="63" spans="1:45" ht="45.75" customHeight="1">
      <c r="A63" s="107"/>
      <c r="B63" s="328" t="s">
        <v>390</v>
      </c>
      <c r="C63" s="329"/>
      <c r="D63" s="329"/>
      <c r="E63" s="329"/>
      <c r="F63" s="329"/>
      <c r="G63" s="329"/>
      <c r="H63" s="329"/>
      <c r="I63" s="329"/>
      <c r="J63" s="329"/>
      <c r="K63" s="329"/>
      <c r="L63" s="330"/>
      <c r="M63" s="328" t="s">
        <v>254</v>
      </c>
      <c r="N63" s="329"/>
      <c r="O63" s="329"/>
      <c r="P63" s="329"/>
      <c r="Q63" s="329"/>
      <c r="R63" s="329"/>
      <c r="S63" s="329"/>
      <c r="T63" s="329"/>
      <c r="U63" s="329"/>
      <c r="V63" s="329"/>
      <c r="W63" s="329"/>
    </row>
    <row r="64" spans="1:45" ht="66" customHeight="1">
      <c r="A64" s="37" t="s">
        <v>85</v>
      </c>
      <c r="B64" s="38" t="s">
        <v>86</v>
      </c>
      <c r="C64" s="38" t="s">
        <v>87</v>
      </c>
      <c r="D64" s="268" t="s">
        <v>88</v>
      </c>
      <c r="E64" s="38" t="s">
        <v>178</v>
      </c>
      <c r="F64" s="89" t="s">
        <v>101</v>
      </c>
      <c r="G64" s="38" t="s">
        <v>179</v>
      </c>
      <c r="H64" s="89" t="s">
        <v>102</v>
      </c>
      <c r="I64" s="38" t="s">
        <v>180</v>
      </c>
      <c r="J64" s="89" t="s">
        <v>103</v>
      </c>
      <c r="K64" s="38" t="s">
        <v>357</v>
      </c>
      <c r="L64" s="89" t="s">
        <v>356</v>
      </c>
      <c r="M64" s="65" t="s">
        <v>86</v>
      </c>
      <c r="N64" s="65" t="s">
        <v>87</v>
      </c>
      <c r="O64" s="270" t="s">
        <v>88</v>
      </c>
      <c r="P64" s="65" t="s">
        <v>427</v>
      </c>
      <c r="Q64" s="88" t="s">
        <v>428</v>
      </c>
      <c r="R64" s="65" t="s">
        <v>423</v>
      </c>
      <c r="S64" s="88" t="s">
        <v>425</v>
      </c>
      <c r="T64" s="65" t="s">
        <v>429</v>
      </c>
      <c r="U64" s="88" t="s">
        <v>430</v>
      </c>
      <c r="V64" s="65" t="s">
        <v>357</v>
      </c>
      <c r="W64" s="88" t="s">
        <v>371</v>
      </c>
    </row>
    <row r="65" spans="1:23" ht="99.75" customHeight="1">
      <c r="A65" s="41"/>
      <c r="B65" s="42" t="s">
        <v>89</v>
      </c>
      <c r="C65" s="42" t="s">
        <v>358</v>
      </c>
      <c r="D65" s="269" t="s">
        <v>91</v>
      </c>
      <c r="E65" s="42" t="s">
        <v>181</v>
      </c>
      <c r="F65" s="91" t="s">
        <v>104</v>
      </c>
      <c r="G65" s="42" t="s">
        <v>182</v>
      </c>
      <c r="H65" s="91" t="s">
        <v>104</v>
      </c>
      <c r="I65" s="42" t="s">
        <v>183</v>
      </c>
      <c r="J65" s="91" t="s">
        <v>104</v>
      </c>
      <c r="K65" s="42" t="s">
        <v>357</v>
      </c>
      <c r="L65" s="91" t="s">
        <v>104</v>
      </c>
      <c r="M65" s="68" t="s">
        <v>89</v>
      </c>
      <c r="N65" s="68" t="s">
        <v>359</v>
      </c>
      <c r="O65" s="271" t="s">
        <v>91</v>
      </c>
      <c r="P65" s="68" t="s">
        <v>422</v>
      </c>
      <c r="Q65" s="90" t="s">
        <v>104</v>
      </c>
      <c r="R65" s="68" t="s">
        <v>424</v>
      </c>
      <c r="S65" s="90" t="s">
        <v>104</v>
      </c>
      <c r="T65" s="68" t="s">
        <v>181</v>
      </c>
      <c r="U65" s="90" t="s">
        <v>104</v>
      </c>
      <c r="V65" s="68" t="s">
        <v>357</v>
      </c>
      <c r="W65" s="90" t="s">
        <v>104</v>
      </c>
    </row>
    <row r="66" spans="1:23">
      <c r="A66" s="45" t="s">
        <v>436</v>
      </c>
      <c r="B66" s="110">
        <v>9266</v>
      </c>
      <c r="C66" s="47">
        <v>3.1</v>
      </c>
      <c r="D66" s="48">
        <v>3.9199999999999999E-2</v>
      </c>
      <c r="E66" s="111">
        <v>0.60799999999999998</v>
      </c>
      <c r="F66" s="94">
        <v>1.0141311453284773E-2</v>
      </c>
      <c r="G66" s="111">
        <v>0.107</v>
      </c>
      <c r="H66" s="94">
        <v>6.4255510910279385E-3</v>
      </c>
      <c r="I66" s="111">
        <v>0.26500000000000001</v>
      </c>
      <c r="J66" s="94">
        <v>9.1687440737048664E-3</v>
      </c>
      <c r="K66" s="93">
        <v>0.02</v>
      </c>
      <c r="L66" s="94">
        <v>2.9228698383357626E-3</v>
      </c>
      <c r="M66" s="110">
        <v>10804</v>
      </c>
      <c r="N66" s="47">
        <v>4</v>
      </c>
      <c r="O66" s="48">
        <v>3.9199999999999999E-2</v>
      </c>
      <c r="P66" s="111">
        <v>0.21</v>
      </c>
      <c r="Q66" s="94">
        <v>7.8372187685314225E-3</v>
      </c>
      <c r="R66" s="111">
        <v>0.35</v>
      </c>
      <c r="S66" s="94">
        <v>9.1762221941187605E-3</v>
      </c>
      <c r="T66" s="111">
        <v>0.33</v>
      </c>
      <c r="U66" s="94">
        <v>9.0463357677486728E-3</v>
      </c>
      <c r="V66" s="93">
        <v>0.11</v>
      </c>
      <c r="W66" s="94">
        <v>6.022796639669644E-3</v>
      </c>
    </row>
    <row r="67" spans="1:23">
      <c r="A67" s="49" t="s">
        <v>437</v>
      </c>
      <c r="B67" s="112">
        <v>8696</v>
      </c>
      <c r="C67" s="51">
        <v>3.1323235774438491</v>
      </c>
      <c r="D67" s="52">
        <v>4.4663496380326621E-2</v>
      </c>
      <c r="E67" s="113">
        <v>0.59938941569962423</v>
      </c>
      <c r="F67" s="97">
        <v>1.0507377275093125E-2</v>
      </c>
      <c r="G67" s="113">
        <v>0.10760644100695003</v>
      </c>
      <c r="H67" s="97">
        <v>6.6494782928836413E-3</v>
      </c>
      <c r="I67" s="113">
        <v>0.27330918993901621</v>
      </c>
      <c r="J67" s="97">
        <v>9.5570523943678196E-3</v>
      </c>
      <c r="K67" s="96">
        <v>1.9694953354409444E-2</v>
      </c>
      <c r="L67" s="97">
        <v>2.9957168534017315E-3</v>
      </c>
      <c r="M67" s="112">
        <v>8845</v>
      </c>
      <c r="N67" s="51">
        <v>4.2</v>
      </c>
      <c r="O67" s="52">
        <v>3.9713671816827278E-2</v>
      </c>
      <c r="P67" s="113">
        <v>0.25</v>
      </c>
      <c r="Q67" s="97">
        <v>9.2076530686058689E-3</v>
      </c>
      <c r="R67" s="113">
        <v>0.36</v>
      </c>
      <c r="S67" s="97">
        <v>1.020565378598757E-2</v>
      </c>
      <c r="T67" s="113">
        <v>0.28999999999999998</v>
      </c>
      <c r="U67" s="97">
        <v>9.6483512264059351E-3</v>
      </c>
      <c r="V67" s="96">
        <v>0.09</v>
      </c>
      <c r="W67" s="97">
        <v>6.0901405948729989E-3</v>
      </c>
    </row>
    <row r="68" spans="1:23">
      <c r="A68" s="53" t="s">
        <v>438</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9</v>
      </c>
      <c r="B69" s="112">
        <v>802</v>
      </c>
      <c r="C69" s="51">
        <v>3.2</v>
      </c>
      <c r="D69" s="52">
        <v>0.13720000000000002</v>
      </c>
      <c r="E69" s="113">
        <v>0.60599999999999998</v>
      </c>
      <c r="F69" s="97">
        <v>3.4430874168092235E-2</v>
      </c>
      <c r="G69" s="113">
        <v>0.124</v>
      </c>
      <c r="H69" s="97">
        <v>2.3367147704599713E-2</v>
      </c>
      <c r="I69" s="113">
        <v>0.26100000000000001</v>
      </c>
      <c r="J69" s="97">
        <v>3.0984231239047085E-2</v>
      </c>
      <c r="K69" s="96">
        <v>8.9999999999999993E-3</v>
      </c>
      <c r="L69" s="97">
        <v>7.4905816452686715E-3</v>
      </c>
      <c r="M69" s="112">
        <v>904</v>
      </c>
      <c r="N69" s="51">
        <v>4.5</v>
      </c>
      <c r="O69" s="52">
        <v>0.1176</v>
      </c>
      <c r="P69" s="113">
        <v>0.26</v>
      </c>
      <c r="Q69" s="97">
        <v>2.9151463128107222E-2</v>
      </c>
      <c r="R69" s="113">
        <v>0.4</v>
      </c>
      <c r="S69" s="97">
        <v>3.2521623552774021E-2</v>
      </c>
      <c r="T69" s="113">
        <v>0.21</v>
      </c>
      <c r="U69" s="97">
        <v>2.7094169038989552E-2</v>
      </c>
      <c r="V69" s="96">
        <v>0.14000000000000001</v>
      </c>
      <c r="W69" s="97">
        <v>2.3139048668155825E-2</v>
      </c>
    </row>
    <row r="70" spans="1:23">
      <c r="A70" s="53" t="s">
        <v>440</v>
      </c>
      <c r="B70" s="83">
        <v>713</v>
      </c>
      <c r="C70" s="47">
        <v>3.1</v>
      </c>
      <c r="D70" s="48">
        <v>0.15679999999999999</v>
      </c>
      <c r="E70" s="98">
        <v>0.628</v>
      </c>
      <c r="F70" s="94">
        <v>3.611528852671507E-2</v>
      </c>
      <c r="G70" s="98">
        <v>0.11799999999999999</v>
      </c>
      <c r="H70" s="94">
        <v>2.4283267903748764E-2</v>
      </c>
      <c r="I70" s="98">
        <v>0.245</v>
      </c>
      <c r="J70" s="94">
        <v>3.2186563829477086E-2</v>
      </c>
      <c r="K70" s="93">
        <v>8.9999999999999993E-3</v>
      </c>
      <c r="L70" s="94">
        <v>8.0449859526439075E-3</v>
      </c>
      <c r="M70" s="83">
        <v>719</v>
      </c>
      <c r="N70" s="47">
        <v>4.71</v>
      </c>
      <c r="O70" s="48">
        <v>0.1176</v>
      </c>
      <c r="P70" s="98">
        <v>0.313</v>
      </c>
      <c r="Q70" s="94">
        <v>3.4522377281908302E-2</v>
      </c>
      <c r="R70" s="98">
        <v>0.437</v>
      </c>
      <c r="S70" s="94">
        <v>3.6897285227152035E-2</v>
      </c>
      <c r="T70" s="98">
        <v>0.17499999999999999</v>
      </c>
      <c r="U70" s="94">
        <v>2.837610553876738E-2</v>
      </c>
      <c r="V70" s="93">
        <v>7.3999999999999996E-2</v>
      </c>
      <c r="W70" s="94">
        <v>1.9753176605326939E-2</v>
      </c>
    </row>
    <row r="71" spans="1:23">
      <c r="A71" s="49" t="s">
        <v>453</v>
      </c>
      <c r="B71" s="112">
        <v>129</v>
      </c>
      <c r="C71" s="51">
        <v>2.5</v>
      </c>
      <c r="D71" s="52">
        <v>0.3332</v>
      </c>
      <c r="E71" s="113">
        <v>0.72799999999999998</v>
      </c>
      <c r="F71" s="97">
        <v>7.7768856811484821E-2</v>
      </c>
      <c r="G71" s="113">
        <v>9.8000000000000004E-2</v>
      </c>
      <c r="H71" s="97">
        <v>5.4281463014951299E-2</v>
      </c>
      <c r="I71" s="113">
        <v>0.159</v>
      </c>
      <c r="J71" s="97">
        <v>6.5029355483714607E-2</v>
      </c>
      <c r="K71" s="96">
        <v>1.4E-2</v>
      </c>
      <c r="L71" s="97">
        <v>2.8913994797822872E-2</v>
      </c>
      <c r="M71" s="112">
        <v>136</v>
      </c>
      <c r="N71" s="51">
        <v>3.6</v>
      </c>
      <c r="O71" s="52">
        <v>0.31359999999999999</v>
      </c>
      <c r="P71" s="113">
        <v>0.15</v>
      </c>
      <c r="Q71" s="97">
        <v>6.196773353931867E-2</v>
      </c>
      <c r="R71" s="113">
        <v>0.26</v>
      </c>
      <c r="S71" s="97">
        <v>7.4765234121456151E-2</v>
      </c>
      <c r="T71" s="113">
        <v>0.39</v>
      </c>
      <c r="U71" s="97">
        <v>8.2562798786379774E-2</v>
      </c>
      <c r="V71" s="96">
        <v>0.2</v>
      </c>
      <c r="W71" s="97">
        <v>6.8675091711437444E-2</v>
      </c>
    </row>
    <row r="72" spans="1:23">
      <c r="A72" s="53" t="s">
        <v>441</v>
      </c>
      <c r="B72" s="83">
        <v>75</v>
      </c>
      <c r="C72" s="47">
        <v>2.5</v>
      </c>
      <c r="D72" s="48">
        <v>0.47039999999999998</v>
      </c>
      <c r="E72" s="98">
        <v>0.73</v>
      </c>
      <c r="F72" s="94">
        <v>0.10121323342043549</v>
      </c>
      <c r="G72" s="98">
        <v>4.1000000000000002E-2</v>
      </c>
      <c r="H72" s="94">
        <v>5.5170008214284347E-2</v>
      </c>
      <c r="I72" s="98">
        <v>0.218</v>
      </c>
      <c r="J72" s="94">
        <v>9.5021699925675315E-2</v>
      </c>
      <c r="K72" s="93">
        <v>1.0999999999999999E-2</v>
      </c>
      <c r="L72" s="94">
        <v>4.1783500034142503E-2</v>
      </c>
      <c r="M72" s="83">
        <v>79</v>
      </c>
      <c r="N72" s="47">
        <v>3.3</v>
      </c>
      <c r="O72" s="48">
        <v>0.43119999999999997</v>
      </c>
      <c r="P72" s="98">
        <v>0.11</v>
      </c>
      <c r="Q72" s="94">
        <v>7.3536150324856983E-2</v>
      </c>
      <c r="R72" s="98">
        <v>0.21</v>
      </c>
      <c r="S72" s="94">
        <v>9.1522779629239881E-2</v>
      </c>
      <c r="T72" s="98">
        <v>0.39</v>
      </c>
      <c r="U72" s="94">
        <v>0.10733085034393443</v>
      </c>
      <c r="V72" s="93">
        <v>0.3</v>
      </c>
      <c r="W72" s="94">
        <v>0.10149782357672657</v>
      </c>
    </row>
    <row r="73" spans="1:23">
      <c r="A73" s="49" t="s">
        <v>446</v>
      </c>
      <c r="B73" s="112">
        <v>92</v>
      </c>
      <c r="C73" s="51">
        <v>3.9</v>
      </c>
      <c r="D73" s="52">
        <v>0.45080000000000003</v>
      </c>
      <c r="E73" s="113">
        <v>0.41899999999999998</v>
      </c>
      <c r="F73" s="97">
        <v>0.10082459177845288</v>
      </c>
      <c r="G73" s="113">
        <v>0.214</v>
      </c>
      <c r="H73" s="97">
        <v>8.53615658998262E-2</v>
      </c>
      <c r="I73" s="113">
        <v>0.35699999999999998</v>
      </c>
      <c r="J73" s="97">
        <v>9.8153702086154621E-2</v>
      </c>
      <c r="K73" s="96">
        <v>0.01</v>
      </c>
      <c r="L73" s="97">
        <v>3.5054417847799842E-2</v>
      </c>
      <c r="M73" s="112">
        <v>164</v>
      </c>
      <c r="N73" s="51">
        <v>4</v>
      </c>
      <c r="O73" s="52">
        <v>0.29399999999999998</v>
      </c>
      <c r="P73" s="113">
        <v>0.12</v>
      </c>
      <c r="Q73" s="97">
        <v>5.1730605076354033E-2</v>
      </c>
      <c r="R73" s="113">
        <v>0.33999999999999997</v>
      </c>
      <c r="S73" s="97">
        <v>7.3290767161548989E-2</v>
      </c>
      <c r="T73" s="113">
        <v>0.26</v>
      </c>
      <c r="U73" s="97">
        <v>6.8157765878604629E-2</v>
      </c>
      <c r="V73" s="96">
        <v>0.28000000000000003</v>
      </c>
      <c r="W73" s="97">
        <v>6.9672247030383785E-2</v>
      </c>
    </row>
    <row r="74" spans="1:23">
      <c r="A74" s="53" t="s">
        <v>447</v>
      </c>
      <c r="B74" s="83">
        <v>110</v>
      </c>
      <c r="C74" s="47">
        <v>3.5</v>
      </c>
      <c r="D74" s="48">
        <v>0.39200000000000002</v>
      </c>
      <c r="E74" s="98">
        <v>0.61299999999999999</v>
      </c>
      <c r="F74" s="94">
        <v>9.140450863117662E-2</v>
      </c>
      <c r="G74" s="98">
        <v>8.8999999999999996E-2</v>
      </c>
      <c r="H74" s="94">
        <v>5.7039579519178971E-2</v>
      </c>
      <c r="I74" s="98">
        <v>0.29799999999999999</v>
      </c>
      <c r="J74" s="94">
        <v>8.6249170416888191E-2</v>
      </c>
      <c r="K74" s="93">
        <v>0</v>
      </c>
      <c r="L74" s="94">
        <v>2.4592162949139032E-2</v>
      </c>
      <c r="M74" s="83">
        <v>113</v>
      </c>
      <c r="N74" s="47">
        <v>4.8</v>
      </c>
      <c r="O74" s="48">
        <v>0.29399999999999998</v>
      </c>
      <c r="P74" s="98">
        <v>0.31</v>
      </c>
      <c r="Q74" s="94">
        <v>8.599864471316683E-2</v>
      </c>
      <c r="R74" s="98">
        <v>0.54</v>
      </c>
      <c r="S74" s="94">
        <v>9.2173662106612472E-2</v>
      </c>
      <c r="T74" s="98">
        <v>0.11000000000000001</v>
      </c>
      <c r="U74" s="94">
        <v>6.0798735429444285E-2</v>
      </c>
      <c r="V74" s="93">
        <v>0.05</v>
      </c>
      <c r="W74" s="94">
        <v>4.5707904815090176E-2</v>
      </c>
    </row>
    <row r="75" spans="1:23">
      <c r="A75" s="49" t="s">
        <v>442</v>
      </c>
      <c r="B75" s="112">
        <v>76</v>
      </c>
      <c r="C75" s="51">
        <v>3.7</v>
      </c>
      <c r="D75" s="52">
        <v>0.47039999999999998</v>
      </c>
      <c r="E75" s="113">
        <v>0.499</v>
      </c>
      <c r="F75" s="97">
        <v>0.11180319706967239</v>
      </c>
      <c r="G75" s="113">
        <v>0.115</v>
      </c>
      <c r="H75" s="97">
        <v>7.6232190543103248E-2</v>
      </c>
      <c r="I75" s="113">
        <v>0.38500000000000001</v>
      </c>
      <c r="J75" s="97">
        <v>0.10910188758678742</v>
      </c>
      <c r="K75" s="96">
        <v>0</v>
      </c>
      <c r="L75" s="97">
        <v>3.4910600109422353E-2</v>
      </c>
      <c r="M75" s="112">
        <v>79</v>
      </c>
      <c r="N75" s="51">
        <v>4.9000000000000004</v>
      </c>
      <c r="O75" s="52">
        <v>0.3332</v>
      </c>
      <c r="P75" s="113">
        <v>0.3</v>
      </c>
      <c r="Q75" s="97">
        <v>0.10149782357672657</v>
      </c>
      <c r="R75" s="113">
        <v>0.52</v>
      </c>
      <c r="S75" s="97">
        <v>0.10968467953767115</v>
      </c>
      <c r="T75" s="113">
        <v>0.13</v>
      </c>
      <c r="U75" s="97">
        <v>7.7917851260820417E-2</v>
      </c>
      <c r="V75" s="96">
        <v>0.05</v>
      </c>
      <c r="W75" s="97">
        <v>5.6631447389742864E-2</v>
      </c>
    </row>
    <row r="76" spans="1:23">
      <c r="A76" s="45" t="s">
        <v>448</v>
      </c>
      <c r="B76" s="110">
        <v>281</v>
      </c>
      <c r="C76" s="47">
        <v>3.2</v>
      </c>
      <c r="D76" s="48">
        <v>0.25480000000000003</v>
      </c>
      <c r="E76" s="111">
        <v>0.59099999999999997</v>
      </c>
      <c r="F76" s="94">
        <v>5.8273380869031999E-2</v>
      </c>
      <c r="G76" s="111">
        <v>0.13</v>
      </c>
      <c r="H76" s="94">
        <v>4.0508320990683723E-2</v>
      </c>
      <c r="I76" s="111">
        <v>0.26700000000000002</v>
      </c>
      <c r="J76" s="94">
        <v>5.2612346987533795E-2</v>
      </c>
      <c r="K76" s="93">
        <v>1.2E-2</v>
      </c>
      <c r="L76" s="94">
        <v>1.6110945773113061E-2</v>
      </c>
      <c r="M76" s="110">
        <v>291</v>
      </c>
      <c r="N76" s="47">
        <v>5</v>
      </c>
      <c r="O76" s="48">
        <v>0.1764</v>
      </c>
      <c r="P76" s="111">
        <v>0.4</v>
      </c>
      <c r="Q76" s="94">
        <v>5.7077924479569393E-2</v>
      </c>
      <c r="R76" s="111">
        <v>0.4</v>
      </c>
      <c r="S76" s="94">
        <v>5.7077924479569393E-2</v>
      </c>
      <c r="T76" s="111">
        <v>0.14000000000000001</v>
      </c>
      <c r="U76" s="94">
        <v>4.0986272796740227E-2</v>
      </c>
      <c r="V76" s="93">
        <v>0.06</v>
      </c>
      <c r="W76" s="94">
        <v>2.890418423104613E-2</v>
      </c>
    </row>
    <row r="77" spans="1:23" ht="25.5">
      <c r="A77" s="49" t="s">
        <v>443</v>
      </c>
      <c r="B77" s="112">
        <v>124</v>
      </c>
      <c r="C77" s="51">
        <v>3.2</v>
      </c>
      <c r="D77" s="52">
        <v>0.3528</v>
      </c>
      <c r="E77" s="113">
        <v>0.59399999999999997</v>
      </c>
      <c r="F77" s="97">
        <v>8.6910086636590625E-2</v>
      </c>
      <c r="G77" s="113">
        <v>0.13500000000000001</v>
      </c>
      <c r="H77" s="97">
        <v>6.2492864582920964E-2</v>
      </c>
      <c r="I77" s="113">
        <v>0.26400000000000001</v>
      </c>
      <c r="J77" s="97">
        <v>7.8607134173488039E-2</v>
      </c>
      <c r="K77" s="96">
        <v>8.0000000000000002E-3</v>
      </c>
      <c r="L77" s="97">
        <v>2.6709437339052091E-2</v>
      </c>
      <c r="M77" s="112">
        <v>127</v>
      </c>
      <c r="N77" s="51">
        <v>5.3</v>
      </c>
      <c r="O77" s="52">
        <v>0.21559999999999999</v>
      </c>
      <c r="P77" s="113">
        <v>0.4</v>
      </c>
      <c r="Q77" s="97">
        <v>8.5712347540021577E-2</v>
      </c>
      <c r="R77" s="113">
        <v>0.45999999999999996</v>
      </c>
      <c r="S77" s="97">
        <v>8.7107237264130041E-2</v>
      </c>
      <c r="T77" s="113">
        <v>0.08</v>
      </c>
      <c r="U77" s="97">
        <v>5.0707378791764485E-2</v>
      </c>
      <c r="V77" s="96">
        <v>0.05</v>
      </c>
      <c r="W77" s="97">
        <v>4.2687435635536251E-2</v>
      </c>
    </row>
    <row r="78" spans="1:23" ht="25.5">
      <c r="A78" s="53" t="s">
        <v>444</v>
      </c>
      <c r="B78" s="83">
        <v>78</v>
      </c>
      <c r="C78" s="47">
        <v>3.2</v>
      </c>
      <c r="D78" s="48">
        <v>0.47039999999999998</v>
      </c>
      <c r="E78" s="98">
        <v>0.60699999999999998</v>
      </c>
      <c r="F78" s="94">
        <v>0.10811934063625973</v>
      </c>
      <c r="G78" s="98">
        <v>0.15</v>
      </c>
      <c r="H78" s="94">
        <v>8.2391014888216402E-2</v>
      </c>
      <c r="I78" s="98">
        <v>0.24299999999999999</v>
      </c>
      <c r="J78" s="94">
        <v>9.6332158828992889E-2</v>
      </c>
      <c r="K78" s="98">
        <v>0</v>
      </c>
      <c r="L78" s="94">
        <v>3.406977052534528E-2</v>
      </c>
      <c r="M78" s="83">
        <v>81</v>
      </c>
      <c r="N78" s="47">
        <v>5.4</v>
      </c>
      <c r="O78" s="48">
        <v>0.37240000000000001</v>
      </c>
      <c r="P78" s="98">
        <v>0.57999999999999996</v>
      </c>
      <c r="Q78" s="94">
        <v>0.10719705437805448</v>
      </c>
      <c r="R78" s="98">
        <v>0.31000000000000005</v>
      </c>
      <c r="S78" s="94">
        <v>0.10110395405595182</v>
      </c>
      <c r="T78" s="98">
        <v>0.12</v>
      </c>
      <c r="U78" s="94">
        <v>7.4792516042270149E-2</v>
      </c>
      <c r="V78" s="98">
        <v>0</v>
      </c>
      <c r="W78" s="94">
        <v>3.2881805121991139E-2</v>
      </c>
    </row>
    <row r="79" spans="1:23">
      <c r="A79" s="49" t="s">
        <v>445</v>
      </c>
      <c r="B79" s="112">
        <v>79</v>
      </c>
      <c r="C79" s="51">
        <v>3.3</v>
      </c>
      <c r="D79" s="52">
        <v>0.49</v>
      </c>
      <c r="E79" s="113">
        <v>0.57299999999999995</v>
      </c>
      <c r="F79" s="97">
        <v>0.10869926717957945</v>
      </c>
      <c r="G79" s="113">
        <v>0.109</v>
      </c>
      <c r="H79" s="97">
        <v>7.3303937449977083E-2</v>
      </c>
      <c r="I79" s="113">
        <v>0.29099999999999998</v>
      </c>
      <c r="J79" s="97">
        <v>0.10070301460141488</v>
      </c>
      <c r="K79" s="96">
        <v>2.8000000000000001E-2</v>
      </c>
      <c r="L79" s="97">
        <v>4.818224997653462E-2</v>
      </c>
      <c r="M79" s="112">
        <v>83</v>
      </c>
      <c r="N79" s="51">
        <v>4.4000000000000004</v>
      </c>
      <c r="O79" s="52">
        <v>0.37240000000000001</v>
      </c>
      <c r="P79" s="113">
        <v>0.27</v>
      </c>
      <c r="Q79" s="97">
        <v>9.6335749864753711E-2</v>
      </c>
      <c r="R79" s="113">
        <v>0.36</v>
      </c>
      <c r="S79" s="97">
        <v>0.10331535624709387</v>
      </c>
      <c r="T79" s="113">
        <v>0.22999999999999998</v>
      </c>
      <c r="U79" s="97">
        <v>9.1889325238133049E-2</v>
      </c>
      <c r="V79" s="96">
        <v>0.13</v>
      </c>
      <c r="W79" s="97">
        <v>7.5930735167041533E-2</v>
      </c>
    </row>
    <row r="80" spans="1:23">
      <c r="A80" s="57" t="s">
        <v>449</v>
      </c>
      <c r="B80" s="110">
        <v>105</v>
      </c>
      <c r="C80" s="47">
        <v>3.2</v>
      </c>
      <c r="D80" s="48">
        <v>0.39200000000000002</v>
      </c>
      <c r="E80" s="111">
        <v>0.625</v>
      </c>
      <c r="F80" s="94">
        <v>9.2963590977198848E-2</v>
      </c>
      <c r="G80" s="111">
        <v>0.11</v>
      </c>
      <c r="H80" s="94">
        <v>6.3204480014577361E-2</v>
      </c>
      <c r="I80" s="111">
        <v>0.253</v>
      </c>
      <c r="J80" s="94">
        <v>8.4242238023867808E-2</v>
      </c>
      <c r="K80" s="93">
        <v>1.0999999999999999E-2</v>
      </c>
      <c r="L80" s="94">
        <v>3.2116270282240733E-2</v>
      </c>
      <c r="M80" s="110">
        <v>108</v>
      </c>
      <c r="N80" s="47">
        <v>5.0999999999999996</v>
      </c>
      <c r="O80" s="48">
        <v>0.25480000000000003</v>
      </c>
      <c r="P80" s="111">
        <v>0.41</v>
      </c>
      <c r="Q80" s="94">
        <v>9.3056864296576045E-2</v>
      </c>
      <c r="R80" s="111">
        <v>0.43999999999999995</v>
      </c>
      <c r="S80" s="94">
        <v>9.3856377936186577E-2</v>
      </c>
      <c r="T80" s="111">
        <v>0.13</v>
      </c>
      <c r="U80" s="94">
        <v>6.6198822303301014E-2</v>
      </c>
      <c r="V80" s="93">
        <v>0.02</v>
      </c>
      <c r="W80" s="94">
        <v>3.5738767119455297E-2</v>
      </c>
    </row>
    <row r="81" spans="1:23">
      <c r="A81" s="49" t="s">
        <v>454</v>
      </c>
      <c r="B81" s="112">
        <v>76</v>
      </c>
      <c r="C81" s="51">
        <v>3.1</v>
      </c>
      <c r="D81" s="52">
        <v>0.47039999999999998</v>
      </c>
      <c r="E81" s="113">
        <v>0.63800000000000001</v>
      </c>
      <c r="F81" s="97">
        <v>0.10789179533217527</v>
      </c>
      <c r="G81" s="113">
        <v>9.6000000000000002E-2</v>
      </c>
      <c r="H81" s="97">
        <v>7.1658063049457321E-2</v>
      </c>
      <c r="I81" s="113">
        <v>0.26500000000000001</v>
      </c>
      <c r="J81" s="97">
        <v>0.1000398514343159</v>
      </c>
      <c r="K81" s="96">
        <v>1E-3</v>
      </c>
      <c r="L81" s="97">
        <v>3.5550385019012101E-2</v>
      </c>
      <c r="M81" s="112">
        <v>83</v>
      </c>
      <c r="N81" s="51">
        <v>4.5999999999999996</v>
      </c>
      <c r="O81" s="52">
        <v>0.39200000000000002</v>
      </c>
      <c r="P81" s="113">
        <v>0.21</v>
      </c>
      <c r="Q81" s="97">
        <v>8.93026767321103E-2</v>
      </c>
      <c r="R81" s="113">
        <v>0.52</v>
      </c>
      <c r="S81" s="97">
        <v>0.10713316153916824</v>
      </c>
      <c r="T81" s="113">
        <v>0.21000000000000002</v>
      </c>
      <c r="U81" s="97">
        <v>8.9302676732110314E-2</v>
      </c>
      <c r="V81" s="96">
        <v>7.0000000000000007E-2</v>
      </c>
      <c r="W81" s="97">
        <v>6.1293130779259422E-2</v>
      </c>
    </row>
  </sheetData>
  <mergeCells count="14">
    <mergeCell ref="A4:W4"/>
    <mergeCell ref="A3:W3"/>
    <mergeCell ref="A33:AS33"/>
    <mergeCell ref="A32:AS32"/>
    <mergeCell ref="X34:AH34"/>
    <mergeCell ref="B5:L5"/>
    <mergeCell ref="M5:W5"/>
    <mergeCell ref="M63:W63"/>
    <mergeCell ref="B63:L63"/>
    <mergeCell ref="A61:W61"/>
    <mergeCell ref="A62:W62"/>
    <mergeCell ref="AI34:AS34"/>
    <mergeCell ref="M34:W34"/>
    <mergeCell ref="B34:L34"/>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68"/>
  <sheetViews>
    <sheetView zoomScaleNormal="100" zoomScalePageLayoutView="75" workbookViewId="0">
      <selection activeCell="A149" sqref="A149:W149"/>
    </sheetView>
  </sheetViews>
  <sheetFormatPr defaultColWidth="22.85546875" defaultRowHeight="15"/>
  <cols>
    <col min="1" max="1" width="39.5703125" customWidth="1"/>
  </cols>
  <sheetData>
    <row r="1" spans="1:6" ht="15.75" customHeight="1">
      <c r="A1" s="33" t="s">
        <v>42</v>
      </c>
    </row>
    <row r="3" spans="1:6" ht="18.75">
      <c r="A3" s="316" t="s">
        <v>1</v>
      </c>
      <c r="B3" s="316"/>
      <c r="C3" s="316"/>
      <c r="D3" s="316"/>
    </row>
    <row r="4" spans="1:6" ht="201" customHeight="1">
      <c r="A4" s="358" t="s">
        <v>210</v>
      </c>
      <c r="B4" s="358"/>
      <c r="C4" s="358"/>
      <c r="D4" s="358"/>
      <c r="F4" s="228"/>
    </row>
    <row r="5" spans="1:6" ht="34.5" customHeight="1">
      <c r="A5" s="359" t="s">
        <v>122</v>
      </c>
      <c r="B5" s="353"/>
      <c r="C5" s="353"/>
      <c r="D5" s="353"/>
    </row>
    <row r="6" spans="1:6" ht="43.5" customHeight="1">
      <c r="A6" s="37" t="s">
        <v>85</v>
      </c>
      <c r="B6" s="38" t="s">
        <v>86</v>
      </c>
      <c r="C6" s="39" t="s">
        <v>87</v>
      </c>
      <c r="D6" s="40" t="s">
        <v>88</v>
      </c>
    </row>
    <row r="7" spans="1:6" ht="56.25" customHeight="1">
      <c r="A7" s="41"/>
      <c r="B7" s="42" t="s">
        <v>89</v>
      </c>
      <c r="C7" s="43" t="s">
        <v>123</v>
      </c>
      <c r="D7" s="44" t="s">
        <v>91</v>
      </c>
    </row>
    <row r="8" spans="1:6">
      <c r="A8" s="45" t="s">
        <v>436</v>
      </c>
      <c r="B8" s="83">
        <v>10585</v>
      </c>
      <c r="C8" s="84">
        <v>4.2</v>
      </c>
      <c r="D8" s="85">
        <v>1.9599999999999999E-2</v>
      </c>
    </row>
    <row r="9" spans="1:6">
      <c r="A9" s="49" t="s">
        <v>437</v>
      </c>
      <c r="B9" s="117">
        <v>7673</v>
      </c>
      <c r="C9" s="118">
        <v>4.0990636879316202</v>
      </c>
      <c r="D9" s="119">
        <v>2.3820489802410118E-2</v>
      </c>
    </row>
    <row r="10" spans="1:6">
      <c r="A10" s="53" t="s">
        <v>438</v>
      </c>
      <c r="B10" s="83">
        <v>1949</v>
      </c>
      <c r="C10" s="84">
        <v>4.16</v>
      </c>
      <c r="D10" s="85">
        <v>5.8799999999999998E-2</v>
      </c>
    </row>
    <row r="11" spans="1:6">
      <c r="A11" s="49" t="s">
        <v>439</v>
      </c>
      <c r="B11" s="117">
        <v>882</v>
      </c>
      <c r="C11" s="118">
        <v>4</v>
      </c>
      <c r="D11" s="119">
        <v>7.8399999999999997E-2</v>
      </c>
    </row>
    <row r="12" spans="1:6">
      <c r="A12" s="53" t="s">
        <v>440</v>
      </c>
      <c r="B12" s="83">
        <v>697</v>
      </c>
      <c r="C12" s="84">
        <v>4.0199999999999996</v>
      </c>
      <c r="D12" s="85">
        <v>7.8399999999999997E-2</v>
      </c>
    </row>
    <row r="13" spans="1:6" ht="25.5">
      <c r="A13" s="49" t="s">
        <v>453</v>
      </c>
      <c r="B13" s="117">
        <v>134</v>
      </c>
      <c r="C13" s="118">
        <v>4.0999999999999996</v>
      </c>
      <c r="D13" s="119">
        <v>0.1764</v>
      </c>
    </row>
    <row r="14" spans="1:6">
      <c r="A14" s="53" t="s">
        <v>441</v>
      </c>
      <c r="B14" s="83">
        <v>78</v>
      </c>
      <c r="C14" s="84">
        <v>4.0999999999999996</v>
      </c>
      <c r="D14" s="85">
        <v>0.21559999999999999</v>
      </c>
    </row>
    <row r="15" spans="1:6">
      <c r="A15" s="49" t="s">
        <v>446</v>
      </c>
      <c r="B15" s="117">
        <v>164</v>
      </c>
      <c r="C15" s="118">
        <v>4.2</v>
      </c>
      <c r="D15" s="119">
        <v>0.1764</v>
      </c>
    </row>
    <row r="16" spans="1:6">
      <c r="A16" s="53" t="s">
        <v>447</v>
      </c>
      <c r="B16" s="83">
        <v>107</v>
      </c>
      <c r="C16" s="84">
        <v>4.0999999999999996</v>
      </c>
      <c r="D16" s="85">
        <v>0.19600000000000001</v>
      </c>
    </row>
    <row r="17" spans="1:17">
      <c r="A17" s="49" t="s">
        <v>442</v>
      </c>
      <c r="B17" s="117">
        <v>76</v>
      </c>
      <c r="C17" s="118">
        <v>4</v>
      </c>
      <c r="D17" s="119">
        <v>0.21559999999999999</v>
      </c>
    </row>
    <row r="18" spans="1:17">
      <c r="A18" s="45" t="s">
        <v>448</v>
      </c>
      <c r="B18" s="114">
        <v>284</v>
      </c>
      <c r="C18" s="115">
        <v>3.9</v>
      </c>
      <c r="D18" s="116">
        <v>0.1176</v>
      </c>
    </row>
    <row r="19" spans="1:17" ht="25.5">
      <c r="A19" s="49" t="s">
        <v>443</v>
      </c>
      <c r="B19" s="117">
        <v>125</v>
      </c>
      <c r="C19" s="118">
        <v>4.2</v>
      </c>
      <c r="D19" s="119">
        <v>0.1764</v>
      </c>
    </row>
    <row r="20" spans="1:17" ht="25.5">
      <c r="A20" s="53" t="s">
        <v>444</v>
      </c>
      <c r="B20" s="83">
        <v>79</v>
      </c>
      <c r="C20" s="84">
        <v>3.4</v>
      </c>
      <c r="D20" s="85">
        <v>0.21559999999999999</v>
      </c>
    </row>
    <row r="21" spans="1:17">
      <c r="A21" s="49" t="s">
        <v>445</v>
      </c>
      <c r="B21" s="117">
        <v>80</v>
      </c>
      <c r="C21" s="118">
        <v>3.9</v>
      </c>
      <c r="D21" s="119">
        <v>0.25480000000000003</v>
      </c>
    </row>
    <row r="22" spans="1:17">
      <c r="A22" s="57" t="s">
        <v>449</v>
      </c>
      <c r="B22" s="114">
        <v>105</v>
      </c>
      <c r="C22" s="115">
        <v>4</v>
      </c>
      <c r="D22" s="116">
        <v>0.21559999999999999</v>
      </c>
    </row>
    <row r="23" spans="1:17">
      <c r="A23" s="49" t="s">
        <v>454</v>
      </c>
      <c r="B23" s="117">
        <v>81</v>
      </c>
      <c r="C23" s="118">
        <v>3.7</v>
      </c>
      <c r="D23" s="119">
        <v>0.25480000000000003</v>
      </c>
    </row>
    <row r="32" spans="1:17" ht="18.75">
      <c r="A32" s="316" t="s">
        <v>35</v>
      </c>
      <c r="B32" s="316"/>
      <c r="C32" s="316"/>
      <c r="D32" s="316"/>
      <c r="E32" s="316"/>
      <c r="F32" s="316"/>
      <c r="G32" s="316"/>
      <c r="H32" s="316"/>
      <c r="I32" s="316"/>
      <c r="J32" s="316"/>
      <c r="K32" s="316"/>
      <c r="L32" s="316"/>
      <c r="M32" s="316"/>
      <c r="N32" s="316"/>
      <c r="O32" s="316"/>
      <c r="P32" s="316"/>
      <c r="Q32" s="316"/>
    </row>
    <row r="33" spans="1:17" ht="58.5" customHeight="1">
      <c r="A33" s="354" t="s">
        <v>211</v>
      </c>
      <c r="B33" s="354"/>
      <c r="C33" s="354"/>
      <c r="D33" s="354"/>
      <c r="E33" s="354"/>
      <c r="F33" s="354"/>
      <c r="G33" s="354"/>
      <c r="H33" s="354"/>
      <c r="I33" s="354"/>
      <c r="J33" s="354"/>
      <c r="K33" s="354"/>
      <c r="L33" s="354"/>
      <c r="M33" s="354"/>
      <c r="N33" s="354"/>
      <c r="O33" s="354"/>
      <c r="P33" s="354"/>
      <c r="Q33" s="354"/>
    </row>
    <row r="34" spans="1:17" ht="39" customHeight="1">
      <c r="A34" s="107"/>
      <c r="B34" s="353" t="s">
        <v>124</v>
      </c>
      <c r="C34" s="353"/>
      <c r="D34" s="353"/>
      <c r="E34" s="353"/>
      <c r="F34" s="353"/>
      <c r="G34" s="353"/>
      <c r="H34" s="353"/>
      <c r="I34" s="353" t="s">
        <v>328</v>
      </c>
      <c r="J34" s="353"/>
      <c r="K34" s="353"/>
      <c r="L34" s="353"/>
      <c r="M34" s="353"/>
      <c r="N34" s="353"/>
      <c r="O34" s="353"/>
      <c r="P34" s="353"/>
      <c r="Q34" s="353"/>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9</v>
      </c>
      <c r="K36" s="90" t="s">
        <v>104</v>
      </c>
      <c r="L36" s="68" t="s">
        <v>330</v>
      </c>
      <c r="M36" s="90" t="s">
        <v>104</v>
      </c>
      <c r="N36" s="68" t="s">
        <v>331</v>
      </c>
      <c r="O36" s="90" t="s">
        <v>104</v>
      </c>
      <c r="P36" s="68" t="s">
        <v>332</v>
      </c>
      <c r="Q36" s="90" t="s">
        <v>104</v>
      </c>
    </row>
    <row r="37" spans="1:17">
      <c r="A37" s="45" t="s">
        <v>436</v>
      </c>
      <c r="B37" s="120">
        <v>7941</v>
      </c>
      <c r="C37" s="121">
        <v>0.36</v>
      </c>
      <c r="D37" s="94">
        <v>1.0770673903927353E-2</v>
      </c>
      <c r="E37" s="121">
        <v>0.44</v>
      </c>
      <c r="F37" s="94">
        <v>1.1137984017958874E-2</v>
      </c>
      <c r="G37" s="121">
        <v>0.2</v>
      </c>
      <c r="H37" s="94">
        <v>8.9777180358180629E-3</v>
      </c>
      <c r="I37" s="122">
        <v>10570</v>
      </c>
      <c r="J37" s="121">
        <v>7.0000000000000007E-2</v>
      </c>
      <c r="K37" s="94">
        <v>4.9678315993187698E-3</v>
      </c>
      <c r="L37" s="121">
        <v>0.33</v>
      </c>
      <c r="M37" s="94">
        <v>9.1458944045153031E-3</v>
      </c>
      <c r="N37" s="121">
        <v>0.45</v>
      </c>
      <c r="O37" s="94">
        <v>9.6760834098690348E-3</v>
      </c>
      <c r="P37" s="121">
        <v>0.15</v>
      </c>
      <c r="Q37" s="94">
        <v>6.9474142141470012E-3</v>
      </c>
    </row>
    <row r="38" spans="1:17">
      <c r="A38" s="49" t="s">
        <v>437</v>
      </c>
      <c r="B38" s="49">
        <v>7384</v>
      </c>
      <c r="C38" s="124">
        <v>0.36</v>
      </c>
      <c r="D38" s="97">
        <v>1.1169347068972688E-2</v>
      </c>
      <c r="E38" s="124">
        <v>0.43</v>
      </c>
      <c r="F38" s="97">
        <v>1.1519746105406547E-2</v>
      </c>
      <c r="G38" s="124">
        <v>0.21</v>
      </c>
      <c r="H38" s="97">
        <v>9.4800117976022863E-3</v>
      </c>
      <c r="I38" s="49">
        <v>8448</v>
      </c>
      <c r="J38" s="124">
        <v>0.06</v>
      </c>
      <c r="K38" s="97">
        <v>5.174805323020947E-3</v>
      </c>
      <c r="L38" s="124">
        <v>0.32</v>
      </c>
      <c r="M38" s="97">
        <v>1.0148697109705583E-2</v>
      </c>
      <c r="N38" s="124">
        <v>0.46</v>
      </c>
      <c r="O38" s="97">
        <v>1.0842448570167662E-2</v>
      </c>
      <c r="P38" s="124">
        <v>0.16</v>
      </c>
      <c r="Q38" s="97">
        <v>7.9785974947230963E-3</v>
      </c>
    </row>
    <row r="39" spans="1:17">
      <c r="A39" s="53" t="s">
        <v>438</v>
      </c>
      <c r="B39" s="53">
        <v>709</v>
      </c>
      <c r="C39" s="121">
        <v>0.33600000000000002</v>
      </c>
      <c r="D39" s="94">
        <v>3.5402310674731388E-2</v>
      </c>
      <c r="E39" s="121">
        <v>0.42</v>
      </c>
      <c r="F39" s="94">
        <v>3.6973255777585964E-2</v>
      </c>
      <c r="G39" s="121">
        <v>0.24399999999999999</v>
      </c>
      <c r="H39" s="94">
        <v>3.2233132550217612E-2</v>
      </c>
      <c r="I39" s="53">
        <v>1949</v>
      </c>
      <c r="J39" s="121">
        <v>8.3000000000000004E-2</v>
      </c>
      <c r="K39" s="94">
        <v>1.2543631215236904E-2</v>
      </c>
      <c r="L39" s="121">
        <v>0.35</v>
      </c>
      <c r="M39" s="94">
        <v>2.1590238426645487E-2</v>
      </c>
      <c r="N39" s="121">
        <v>0.40500000000000003</v>
      </c>
      <c r="O39" s="94">
        <v>2.22176512358165E-2</v>
      </c>
      <c r="P39" s="121">
        <v>0.16200000000000001</v>
      </c>
      <c r="Q39" s="94">
        <v>1.6703400019908173E-2</v>
      </c>
    </row>
    <row r="40" spans="1:17">
      <c r="A40" s="49" t="s">
        <v>439</v>
      </c>
      <c r="B40" s="49">
        <v>690</v>
      </c>
      <c r="C40" s="124">
        <v>0.47</v>
      </c>
      <c r="D40" s="97">
        <v>3.7891879000497085E-2</v>
      </c>
      <c r="E40" s="124">
        <v>0.41</v>
      </c>
      <c r="F40" s="97">
        <v>3.7346658834238107E-2</v>
      </c>
      <c r="G40" s="124">
        <v>0.12</v>
      </c>
      <c r="H40" s="97">
        <v>2.4863866393805906E-2</v>
      </c>
      <c r="I40" s="49">
        <v>881</v>
      </c>
      <c r="J40" s="124">
        <v>7.0000000000000007E-2</v>
      </c>
      <c r="K40" s="97">
        <v>1.7371661477563562E-2</v>
      </c>
      <c r="L40" s="124">
        <v>0.36</v>
      </c>
      <c r="M40" s="97">
        <v>3.2282424229039854E-2</v>
      </c>
      <c r="N40" s="124">
        <v>0.45</v>
      </c>
      <c r="O40" s="97">
        <v>3.3447660288176848E-2</v>
      </c>
      <c r="P40" s="124">
        <v>0.13</v>
      </c>
      <c r="Q40" s="97">
        <v>2.2732511622461194E-2</v>
      </c>
    </row>
    <row r="41" spans="1:17">
      <c r="A41" s="53" t="s">
        <v>440</v>
      </c>
      <c r="B41" s="53">
        <v>608</v>
      </c>
      <c r="C41" s="121">
        <v>0.48</v>
      </c>
      <c r="D41" s="94">
        <v>4.0390674817672466E-2</v>
      </c>
      <c r="E41" s="121">
        <v>0.38100000000000001</v>
      </c>
      <c r="F41" s="94">
        <v>3.9276421619685739E-2</v>
      </c>
      <c r="G41" s="121">
        <v>0.13900000000000001</v>
      </c>
      <c r="H41" s="94">
        <v>2.8165822629349524E-2</v>
      </c>
      <c r="I41" s="53">
        <v>696</v>
      </c>
      <c r="J41" s="121">
        <v>6.7000000000000004E-2</v>
      </c>
      <c r="K41" s="94">
        <v>1.9220169367289371E-2</v>
      </c>
      <c r="L41" s="121">
        <v>0.35099999999999998</v>
      </c>
      <c r="M41" s="94">
        <v>3.6099228387770563E-2</v>
      </c>
      <c r="N41" s="121">
        <v>0.44800000000000001</v>
      </c>
      <c r="O41" s="94">
        <v>3.7593830387693386E-2</v>
      </c>
      <c r="P41" s="121">
        <v>0.13500000000000001</v>
      </c>
      <c r="Q41" s="94">
        <v>2.5999255068942684E-2</v>
      </c>
    </row>
    <row r="42" spans="1:17" ht="25.5">
      <c r="A42" s="49" t="s">
        <v>453</v>
      </c>
      <c r="B42" s="49">
        <v>105</v>
      </c>
      <c r="C42" s="124">
        <v>0.4</v>
      </c>
      <c r="D42" s="97">
        <v>9.3988185491042306E-2</v>
      </c>
      <c r="E42" s="124">
        <v>0.52</v>
      </c>
      <c r="F42" s="97">
        <v>9.5711496749435632E-2</v>
      </c>
      <c r="G42" s="124">
        <v>0.08</v>
      </c>
      <c r="H42" s="97">
        <v>5.6278870912406111E-2</v>
      </c>
      <c r="I42" s="49">
        <v>134</v>
      </c>
      <c r="J42" s="124">
        <v>0.03</v>
      </c>
      <c r="K42" s="97">
        <v>3.4774722553455956E-2</v>
      </c>
      <c r="L42" s="124">
        <v>0.33</v>
      </c>
      <c r="M42" s="97">
        <v>8.0352679438297145E-2</v>
      </c>
      <c r="N42" s="124">
        <v>0.56999999999999995</v>
      </c>
      <c r="O42" s="97">
        <v>8.4335414052723004E-2</v>
      </c>
      <c r="P42" s="124">
        <v>7.0000000000000007E-2</v>
      </c>
      <c r="Q42" s="97">
        <v>4.6831023739243312E-2</v>
      </c>
    </row>
    <row r="43" spans="1:17">
      <c r="A43" s="53" t="s">
        <v>441</v>
      </c>
      <c r="B43" s="53">
        <v>58</v>
      </c>
      <c r="C43" s="121">
        <v>0.48</v>
      </c>
      <c r="D43" s="94">
        <v>0.12691118254978462</v>
      </c>
      <c r="E43" s="121">
        <v>0.45</v>
      </c>
      <c r="F43" s="94">
        <v>0.12644319770678059</v>
      </c>
      <c r="G43" s="121">
        <v>7.0000000000000007E-2</v>
      </c>
      <c r="H43" s="94">
        <v>7.5429287343474039E-2</v>
      </c>
      <c r="I43" s="53">
        <v>78</v>
      </c>
      <c r="J43" s="121">
        <v>0.04</v>
      </c>
      <c r="K43" s="94">
        <v>5.3438084812803786E-2</v>
      </c>
      <c r="L43" s="121">
        <v>0.28000000000000003</v>
      </c>
      <c r="M43" s="94">
        <v>0.10029390509351002</v>
      </c>
      <c r="N43" s="121">
        <v>0.59</v>
      </c>
      <c r="O43" s="94">
        <v>0.10880077332511129</v>
      </c>
      <c r="P43" s="121">
        <v>0.1</v>
      </c>
      <c r="Q43" s="94">
        <v>7.164581935587605E-2</v>
      </c>
    </row>
    <row r="44" spans="1:17">
      <c r="A44" s="49" t="s">
        <v>446</v>
      </c>
      <c r="B44" s="49">
        <v>83</v>
      </c>
      <c r="C44" s="124">
        <v>0.53</v>
      </c>
      <c r="D44" s="97">
        <v>0.10703546648726016</v>
      </c>
      <c r="E44" s="124">
        <v>0.38</v>
      </c>
      <c r="F44" s="97">
        <v>0.10436313657071647</v>
      </c>
      <c r="G44" s="124">
        <v>0.1</v>
      </c>
      <c r="H44" s="97">
        <v>6.9273544728729042E-2</v>
      </c>
      <c r="I44" s="49">
        <v>164</v>
      </c>
      <c r="J44" s="124">
        <v>0.08</v>
      </c>
      <c r="K44" s="97">
        <v>4.415880433163924E-2</v>
      </c>
      <c r="L44" s="124">
        <v>0.3</v>
      </c>
      <c r="M44" s="97">
        <v>7.1026837008442242E-2</v>
      </c>
      <c r="N44" s="124">
        <v>0.41</v>
      </c>
      <c r="O44" s="97">
        <v>7.5951288030863123E-2</v>
      </c>
      <c r="P44" s="124">
        <v>0.21</v>
      </c>
      <c r="Q44" s="97">
        <v>6.3594153326611572E-2</v>
      </c>
    </row>
    <row r="45" spans="1:17">
      <c r="A45" s="53" t="s">
        <v>447</v>
      </c>
      <c r="B45" s="53">
        <v>95</v>
      </c>
      <c r="C45" s="121">
        <v>0.41</v>
      </c>
      <c r="D45" s="94">
        <v>9.8993178484308941E-2</v>
      </c>
      <c r="E45" s="121">
        <v>0.41</v>
      </c>
      <c r="F45" s="94">
        <v>9.8993178484308941E-2</v>
      </c>
      <c r="G45" s="121">
        <v>0.18</v>
      </c>
      <c r="H45" s="94">
        <v>7.9317182175404483E-2</v>
      </c>
      <c r="I45" s="53">
        <v>107</v>
      </c>
      <c r="J45" s="121">
        <v>0.06</v>
      </c>
      <c r="K45" s="94">
        <v>5.0261207790749697E-2</v>
      </c>
      <c r="L45" s="121">
        <v>0.41</v>
      </c>
      <c r="M45" s="94">
        <v>9.3476068172419075E-2</v>
      </c>
      <c r="N45" s="121">
        <v>0.43</v>
      </c>
      <c r="O45" s="94">
        <v>9.40474846583816E-2</v>
      </c>
      <c r="P45" s="121">
        <v>0.1</v>
      </c>
      <c r="Q45" s="94">
        <v>6.0426041814102611E-2</v>
      </c>
    </row>
    <row r="46" spans="1:17">
      <c r="A46" s="49" t="s">
        <v>442</v>
      </c>
      <c r="B46" s="49">
        <v>65</v>
      </c>
      <c r="C46" s="124">
        <v>0.47</v>
      </c>
      <c r="D46" s="97">
        <v>0.12019340049196262</v>
      </c>
      <c r="E46" s="124">
        <v>0.41</v>
      </c>
      <c r="F46" s="97">
        <v>0.11864254174150449</v>
      </c>
      <c r="G46" s="124">
        <v>0.12</v>
      </c>
      <c r="H46" s="97">
        <v>8.404855490503603E-2</v>
      </c>
      <c r="I46" s="49">
        <v>76</v>
      </c>
      <c r="J46" s="124">
        <v>7.0000000000000007E-2</v>
      </c>
      <c r="K46" s="97">
        <v>6.4470051186578101E-2</v>
      </c>
      <c r="L46" s="124">
        <v>0.43</v>
      </c>
      <c r="M46" s="97">
        <v>0.11081014168387296</v>
      </c>
      <c r="N46" s="124">
        <v>0.38</v>
      </c>
      <c r="O46" s="97">
        <v>0.10885862391193452</v>
      </c>
      <c r="P46" s="124">
        <v>0.13</v>
      </c>
      <c r="Q46" s="97">
        <v>7.9513442259783976E-2</v>
      </c>
    </row>
    <row r="47" spans="1:17">
      <c r="A47" s="45" t="s">
        <v>448</v>
      </c>
      <c r="B47" s="120">
        <v>240</v>
      </c>
      <c r="C47" s="121">
        <v>0.53</v>
      </c>
      <c r="D47" s="94">
        <v>6.3906856699553899E-2</v>
      </c>
      <c r="E47" s="121">
        <v>0.34</v>
      </c>
      <c r="F47" s="94">
        <v>6.0764590690833016E-2</v>
      </c>
      <c r="G47" s="121">
        <v>0.14000000000000001</v>
      </c>
      <c r="H47" s="94">
        <v>4.5197989034933321E-2</v>
      </c>
      <c r="I47" s="122">
        <v>284</v>
      </c>
      <c r="J47" s="121">
        <v>0.08</v>
      </c>
      <c r="K47" s="94">
        <v>3.3012197287564583E-2</v>
      </c>
      <c r="L47" s="121">
        <v>0.34</v>
      </c>
      <c r="M47" s="94">
        <v>5.5914887308935166E-2</v>
      </c>
      <c r="N47" s="121">
        <v>0.45</v>
      </c>
      <c r="O47" s="94">
        <v>5.8638364644772505E-2</v>
      </c>
      <c r="P47" s="121">
        <v>0.12</v>
      </c>
      <c r="Q47" s="94">
        <v>3.9012686001699694E-2</v>
      </c>
    </row>
    <row r="48" spans="1:17" ht="25.5">
      <c r="A48" s="49" t="s">
        <v>443</v>
      </c>
      <c r="B48" s="123">
        <v>109</v>
      </c>
      <c r="C48" s="124">
        <v>0.42</v>
      </c>
      <c r="D48" s="97">
        <v>9.294495048299585E-2</v>
      </c>
      <c r="E48" s="124">
        <v>0.39</v>
      </c>
      <c r="F48" s="97">
        <v>9.1929460346439881E-2</v>
      </c>
      <c r="G48" s="124">
        <v>0.19</v>
      </c>
      <c r="H48" s="97">
        <v>7.5394683784551456E-2</v>
      </c>
      <c r="I48" s="125">
        <v>125</v>
      </c>
      <c r="J48" s="124">
        <v>0.01</v>
      </c>
      <c r="K48" s="97">
        <v>2.7595680467116315E-2</v>
      </c>
      <c r="L48" s="124">
        <v>0.3</v>
      </c>
      <c r="M48" s="97">
        <v>8.1162514914334058E-2</v>
      </c>
      <c r="N48" s="124">
        <v>0.55000000000000004</v>
      </c>
      <c r="O48" s="97">
        <v>8.7630767853912675E-2</v>
      </c>
      <c r="P48" s="124">
        <v>0.14000000000000001</v>
      </c>
      <c r="Q48" s="97">
        <v>6.3076820742011569E-2</v>
      </c>
    </row>
    <row r="49" spans="1:17" ht="25.5">
      <c r="A49" s="53" t="s">
        <v>444</v>
      </c>
      <c r="B49" s="83">
        <v>66</v>
      </c>
      <c r="C49" s="98">
        <v>0.77</v>
      </c>
      <c r="D49" s="94">
        <v>0.10287117818073022</v>
      </c>
      <c r="E49" s="98">
        <v>0.17</v>
      </c>
      <c r="F49" s="94">
        <v>9.3561323648176514E-2</v>
      </c>
      <c r="G49" s="98">
        <v>0.06</v>
      </c>
      <c r="H49" s="94">
        <v>6.6716265320452689E-2</v>
      </c>
      <c r="I49" s="83">
        <v>79</v>
      </c>
      <c r="J49" s="98">
        <v>0.19</v>
      </c>
      <c r="K49" s="94">
        <v>8.8614354463488573E-2</v>
      </c>
      <c r="L49" s="98">
        <v>0.45</v>
      </c>
      <c r="M49" s="94">
        <v>0.10926593126321367</v>
      </c>
      <c r="N49" s="98">
        <v>0.28000000000000003</v>
      </c>
      <c r="O49" s="94">
        <v>9.9674808396882253E-2</v>
      </c>
      <c r="P49" s="98">
        <v>7.0000000000000007E-2</v>
      </c>
      <c r="Q49" s="94">
        <v>6.305180448470056E-2</v>
      </c>
    </row>
    <row r="50" spans="1:17">
      <c r="A50" s="49" t="s">
        <v>445</v>
      </c>
      <c r="B50" s="123">
        <v>65</v>
      </c>
      <c r="C50" s="124">
        <v>0.51</v>
      </c>
      <c r="D50" s="97">
        <v>0.12036448466005639</v>
      </c>
      <c r="E50" s="124">
        <v>0.38</v>
      </c>
      <c r="F50" s="97">
        <v>0.11726871706177668</v>
      </c>
      <c r="G50" s="124">
        <v>0.11</v>
      </c>
      <c r="H50" s="97">
        <v>8.1658046095598569E-2</v>
      </c>
      <c r="I50" s="125">
        <v>80</v>
      </c>
      <c r="J50" s="124">
        <v>0.1</v>
      </c>
      <c r="K50" s="97">
        <v>7.0668671393412347E-2</v>
      </c>
      <c r="L50" s="124">
        <v>0.31</v>
      </c>
      <c r="M50" s="97">
        <v>0.10171300329560912</v>
      </c>
      <c r="N50" s="124">
        <v>0.45</v>
      </c>
      <c r="O50" s="97">
        <v>0.10861299279987395</v>
      </c>
      <c r="P50" s="124">
        <v>0.14000000000000001</v>
      </c>
      <c r="Q50" s="97">
        <v>7.9417216434964161E-2</v>
      </c>
    </row>
    <row r="51" spans="1:17">
      <c r="A51" s="57" t="s">
        <v>449</v>
      </c>
      <c r="B51" s="120">
        <v>95</v>
      </c>
      <c r="C51" s="121">
        <v>0.43</v>
      </c>
      <c r="D51" s="94">
        <v>9.959269788091954E-2</v>
      </c>
      <c r="E51" s="121">
        <v>0.43</v>
      </c>
      <c r="F51" s="94">
        <v>9.959269788091954E-2</v>
      </c>
      <c r="G51" s="121">
        <v>0.14000000000000001</v>
      </c>
      <c r="H51" s="94">
        <v>7.2658369563790931E-2</v>
      </c>
      <c r="I51" s="122">
        <v>105</v>
      </c>
      <c r="J51" s="121">
        <v>0.08</v>
      </c>
      <c r="K51" s="94">
        <v>5.6278870912406111E-2</v>
      </c>
      <c r="L51" s="121">
        <v>0.38</v>
      </c>
      <c r="M51" s="94">
        <v>9.3187684430012144E-2</v>
      </c>
      <c r="N51" s="121">
        <v>0.41</v>
      </c>
      <c r="O51" s="94">
        <v>9.433175640097502E-2</v>
      </c>
      <c r="P51" s="121">
        <v>0.13</v>
      </c>
      <c r="Q51" s="94">
        <v>6.7174521392173989E-2</v>
      </c>
    </row>
    <row r="52" spans="1:17">
      <c r="A52" s="49" t="s">
        <v>454</v>
      </c>
      <c r="B52" s="123">
        <v>66</v>
      </c>
      <c r="C52" s="124">
        <v>0.51</v>
      </c>
      <c r="D52" s="97">
        <v>0.11950160836713605</v>
      </c>
      <c r="E52" s="124">
        <v>0.47</v>
      </c>
      <c r="F52" s="97">
        <v>0.11933145157617486</v>
      </c>
      <c r="G52" s="124">
        <v>0.02</v>
      </c>
      <c r="H52" s="97">
        <v>5.0810067641766953E-2</v>
      </c>
      <c r="I52" s="125">
        <v>79</v>
      </c>
      <c r="J52" s="124">
        <v>0.04</v>
      </c>
      <c r="K52" s="97">
        <v>5.300771964011778E-2</v>
      </c>
      <c r="L52" s="124">
        <v>0.54</v>
      </c>
      <c r="M52" s="97">
        <v>0.10944559099330341</v>
      </c>
      <c r="N52" s="124">
        <v>0.35</v>
      </c>
      <c r="O52" s="97">
        <v>0.10519435082114116</v>
      </c>
      <c r="P52" s="124">
        <v>7.0000000000000007E-2</v>
      </c>
      <c r="Q52" s="97">
        <v>6.305180448470056E-2</v>
      </c>
    </row>
    <row r="61" spans="1:17" ht="18.75">
      <c r="A61" s="316" t="s">
        <v>36</v>
      </c>
      <c r="B61" s="316"/>
      <c r="C61" s="316"/>
      <c r="D61" s="316"/>
      <c r="E61" s="316"/>
      <c r="F61" s="316"/>
      <c r="G61" s="316"/>
      <c r="H61" s="316"/>
    </row>
    <row r="62" spans="1:17" ht="69.75" customHeight="1">
      <c r="A62" s="357" t="s">
        <v>392</v>
      </c>
      <c r="B62" s="357"/>
      <c r="C62" s="357"/>
      <c r="D62" s="357"/>
      <c r="E62" s="357"/>
      <c r="F62" s="357"/>
      <c r="G62" s="357"/>
      <c r="H62" s="357"/>
    </row>
    <row r="63" spans="1:17" ht="40.5" customHeight="1">
      <c r="A63" s="107"/>
      <c r="B63" s="355" t="s">
        <v>409</v>
      </c>
      <c r="C63" s="356"/>
      <c r="D63" s="356"/>
      <c r="E63" s="356"/>
      <c r="F63" s="356"/>
      <c r="G63" s="356"/>
      <c r="H63" s="356"/>
    </row>
    <row r="64" spans="1:17" ht="39" customHeight="1">
      <c r="A64" s="37" t="s">
        <v>85</v>
      </c>
      <c r="B64" s="38" t="s">
        <v>86</v>
      </c>
      <c r="C64" s="65" t="s">
        <v>219</v>
      </c>
      <c r="D64" s="88" t="s">
        <v>132</v>
      </c>
      <c r="E64" s="65" t="s">
        <v>220</v>
      </c>
      <c r="F64" s="88" t="s">
        <v>333</v>
      </c>
      <c r="G64" s="65" t="s">
        <v>221</v>
      </c>
      <c r="H64" s="88" t="s">
        <v>334</v>
      </c>
    </row>
    <row r="65" spans="1:8" ht="60">
      <c r="A65" s="41"/>
      <c r="B65" s="42" t="s">
        <v>89</v>
      </c>
      <c r="C65" s="272" t="s">
        <v>201</v>
      </c>
      <c r="D65" s="90" t="s">
        <v>104</v>
      </c>
      <c r="E65" s="68" t="s">
        <v>216</v>
      </c>
      <c r="F65" s="90" t="s">
        <v>104</v>
      </c>
      <c r="G65" s="68" t="s">
        <v>217</v>
      </c>
      <c r="H65" s="90" t="s">
        <v>104</v>
      </c>
    </row>
    <row r="66" spans="1:8">
      <c r="A66" s="45" t="s">
        <v>436</v>
      </c>
      <c r="B66" s="127">
        <v>8997</v>
      </c>
      <c r="C66" s="121">
        <v>0.56000000000000005</v>
      </c>
      <c r="D66" s="94">
        <v>1.0464242263632699E-2</v>
      </c>
      <c r="E66" s="121">
        <v>0.22</v>
      </c>
      <c r="F66" s="94">
        <v>8.7343661825739962E-3</v>
      </c>
      <c r="G66" s="121">
        <v>0.22</v>
      </c>
      <c r="H66" s="94">
        <v>8.7343661825739962E-3</v>
      </c>
    </row>
    <row r="67" spans="1:8">
      <c r="A67" s="49" t="s">
        <v>437</v>
      </c>
      <c r="B67" s="49">
        <v>8387</v>
      </c>
      <c r="C67" s="124">
        <v>0.56000000000000005</v>
      </c>
      <c r="D67" s="97">
        <v>1.0837934223118812E-2</v>
      </c>
      <c r="E67" s="124">
        <v>0.22</v>
      </c>
      <c r="F67" s="97">
        <v>9.0464111124660667E-3</v>
      </c>
      <c r="G67" s="124">
        <v>0.22</v>
      </c>
      <c r="H67" s="97">
        <v>9.0464111124660667E-3</v>
      </c>
    </row>
    <row r="68" spans="1:8">
      <c r="A68" s="53" t="s">
        <v>438</v>
      </c>
      <c r="B68" s="53">
        <v>802</v>
      </c>
      <c r="C68" s="121">
        <v>0.47499999999999998</v>
      </c>
      <c r="D68" s="94">
        <v>3.5179877233827088E-2</v>
      </c>
      <c r="E68" s="121">
        <v>0.246</v>
      </c>
      <c r="F68" s="94">
        <v>3.0392206159740576E-2</v>
      </c>
      <c r="G68" s="121">
        <v>0.28000000000000003</v>
      </c>
      <c r="H68" s="94">
        <v>3.1668193291585024E-2</v>
      </c>
    </row>
    <row r="69" spans="1:8">
      <c r="A69" s="49" t="s">
        <v>439</v>
      </c>
      <c r="B69" s="49">
        <v>787</v>
      </c>
      <c r="C69" s="124">
        <v>0.52</v>
      </c>
      <c r="D69" s="97">
        <v>3.5527737799339078E-2</v>
      </c>
      <c r="E69" s="124">
        <v>0.24</v>
      </c>
      <c r="F69" s="97">
        <v>3.042737828745128E-2</v>
      </c>
      <c r="G69" s="124">
        <v>0.25</v>
      </c>
      <c r="H69" s="97">
        <v>3.084404824642473E-2</v>
      </c>
    </row>
    <row r="70" spans="1:8">
      <c r="A70" s="53" t="s">
        <v>440</v>
      </c>
      <c r="B70" s="53">
        <v>698</v>
      </c>
      <c r="C70" s="121">
        <v>0.57099999999999995</v>
      </c>
      <c r="D70" s="94">
        <v>3.7364477518156365E-2</v>
      </c>
      <c r="E70" s="121">
        <v>0.183</v>
      </c>
      <c r="F70" s="94">
        <v>2.9298824999609691E-2</v>
      </c>
      <c r="G70" s="121">
        <v>0.247</v>
      </c>
      <c r="H70" s="94">
        <v>3.2617822291371786E-2</v>
      </c>
    </row>
    <row r="71" spans="1:8" ht="25.5">
      <c r="A71" s="49" t="s">
        <v>453</v>
      </c>
      <c r="B71" s="49">
        <v>130</v>
      </c>
      <c r="C71" s="124">
        <v>0.46</v>
      </c>
      <c r="D71" s="97">
        <v>8.6126269101110334E-2</v>
      </c>
      <c r="E71" s="124">
        <v>0.33</v>
      </c>
      <c r="F71" s="97">
        <v>8.155203838086883E-2</v>
      </c>
      <c r="G71" s="124">
        <v>0.21</v>
      </c>
      <c r="H71" s="97">
        <v>7.1413439260146441E-2</v>
      </c>
    </row>
    <row r="72" spans="1:8">
      <c r="A72" s="53" t="s">
        <v>441</v>
      </c>
      <c r="B72" s="53">
        <v>76</v>
      </c>
      <c r="C72" s="121">
        <v>0.56000000000000005</v>
      </c>
      <c r="D72" s="94">
        <v>0.11107452453195557</v>
      </c>
      <c r="E72" s="121">
        <v>0.21</v>
      </c>
      <c r="F72" s="94">
        <v>9.3300522506575501E-2</v>
      </c>
      <c r="G72" s="121">
        <v>0.23</v>
      </c>
      <c r="H72" s="94">
        <v>9.597076377730876E-2</v>
      </c>
    </row>
    <row r="73" spans="1:8">
      <c r="A73" s="49" t="s">
        <v>446</v>
      </c>
      <c r="B73" s="49">
        <v>91</v>
      </c>
      <c r="C73" s="124">
        <v>0.37</v>
      </c>
      <c r="D73" s="97">
        <v>9.9364972474080368E-2</v>
      </c>
      <c r="E73" s="124">
        <v>0.39</v>
      </c>
      <c r="F73" s="97">
        <v>0.10029377812362311</v>
      </c>
      <c r="G73" s="124">
        <v>0.24</v>
      </c>
      <c r="H73" s="97">
        <v>8.896428300547328E-2</v>
      </c>
    </row>
    <row r="74" spans="1:8">
      <c r="A74" s="53" t="s">
        <v>447</v>
      </c>
      <c r="B74" s="53">
        <v>106</v>
      </c>
      <c r="C74" s="121">
        <v>0.57999999999999996</v>
      </c>
      <c r="D74" s="94">
        <v>9.4206155316274742E-2</v>
      </c>
      <c r="E74" s="121">
        <v>0.12</v>
      </c>
      <c r="F74" s="94">
        <v>6.4922576555899641E-2</v>
      </c>
      <c r="G74" s="121">
        <v>0.3</v>
      </c>
      <c r="H74" s="94">
        <v>8.7978550763468874E-2</v>
      </c>
    </row>
    <row r="75" spans="1:8">
      <c r="A75" s="49" t="s">
        <v>442</v>
      </c>
      <c r="B75" s="49">
        <v>75</v>
      </c>
      <c r="C75" s="124">
        <v>0.44</v>
      </c>
      <c r="D75" s="97">
        <v>0.11177629731572132</v>
      </c>
      <c r="E75" s="124">
        <v>0.15</v>
      </c>
      <c r="F75" s="97">
        <v>8.4070799294229739E-2</v>
      </c>
      <c r="G75" s="124">
        <v>0.41</v>
      </c>
      <c r="H75" s="97">
        <v>0.11085387513976049</v>
      </c>
    </row>
    <row r="76" spans="1:8">
      <c r="A76" s="45" t="s">
        <v>448</v>
      </c>
      <c r="B76" s="127">
        <v>276</v>
      </c>
      <c r="C76" s="121">
        <v>0.59</v>
      </c>
      <c r="D76" s="94">
        <v>5.8813236545890886E-2</v>
      </c>
      <c r="E76" s="121">
        <v>0.17</v>
      </c>
      <c r="F76" s="94">
        <v>4.5385523821971606E-2</v>
      </c>
      <c r="G76" s="121">
        <v>0.24</v>
      </c>
      <c r="H76" s="94">
        <v>5.13138289148342E-2</v>
      </c>
    </row>
    <row r="77" spans="1:8" ht="25.5">
      <c r="A77" s="49" t="s">
        <v>443</v>
      </c>
      <c r="B77" s="129">
        <v>124</v>
      </c>
      <c r="C77" s="124">
        <v>0.72</v>
      </c>
      <c r="D77" s="97">
        <v>7.9956576960364859E-2</v>
      </c>
      <c r="E77" s="124">
        <v>0.16</v>
      </c>
      <c r="F77" s="97">
        <v>6.6500025699008189E-2</v>
      </c>
      <c r="G77" s="124">
        <v>0.12</v>
      </c>
      <c r="H77" s="97">
        <v>5.9813246958502007E-2</v>
      </c>
    </row>
    <row r="78" spans="1:8" ht="25.5">
      <c r="A78" s="53" t="s">
        <v>444</v>
      </c>
      <c r="B78" s="83">
        <v>78</v>
      </c>
      <c r="C78" s="98">
        <v>0.36</v>
      </c>
      <c r="D78" s="94">
        <v>0.10644260017734458</v>
      </c>
      <c r="E78" s="98">
        <v>0.19</v>
      </c>
      <c r="F78" s="94">
        <v>8.9182448329913386E-2</v>
      </c>
      <c r="G78" s="98">
        <v>0.46</v>
      </c>
      <c r="H78" s="94">
        <v>0.11011131624869021</v>
      </c>
    </row>
    <row r="79" spans="1:8">
      <c r="A79" s="49" t="s">
        <v>445</v>
      </c>
      <c r="B79" s="129">
        <v>74</v>
      </c>
      <c r="C79" s="124">
        <v>0.56000000000000005</v>
      </c>
      <c r="D79" s="97">
        <v>0.11249154117797194</v>
      </c>
      <c r="E79" s="124">
        <v>0.18</v>
      </c>
      <c r="F79" s="97">
        <v>8.9966736755403606E-2</v>
      </c>
      <c r="G79" s="124">
        <v>0.26</v>
      </c>
      <c r="H79" s="97">
        <v>0.10080603691165231</v>
      </c>
    </row>
    <row r="80" spans="1:8">
      <c r="A80" s="57" t="s">
        <v>449</v>
      </c>
      <c r="B80" s="127">
        <v>102</v>
      </c>
      <c r="C80" s="121">
        <v>0.5</v>
      </c>
      <c r="D80" s="94">
        <v>9.7128586235726413E-2</v>
      </c>
      <c r="E80" s="121">
        <v>0.2</v>
      </c>
      <c r="F80" s="94">
        <v>7.9304593919333824E-2</v>
      </c>
      <c r="G80" s="121">
        <v>0.3</v>
      </c>
      <c r="H80" s="94">
        <v>8.9645403790958811E-2</v>
      </c>
    </row>
    <row r="81" spans="1:8">
      <c r="A81" s="49" t="s">
        <v>454</v>
      </c>
      <c r="B81" s="129">
        <v>74</v>
      </c>
      <c r="C81" s="124">
        <v>0.46</v>
      </c>
      <c r="D81" s="97">
        <v>0.11290111280277558</v>
      </c>
      <c r="E81" s="124">
        <v>0.36</v>
      </c>
      <c r="F81" s="97">
        <v>0.10915965991389742</v>
      </c>
      <c r="G81" s="124">
        <v>0.19</v>
      </c>
      <c r="H81" s="97">
        <v>9.1568576456509634E-2</v>
      </c>
    </row>
    <row r="90" spans="1:8" ht="18.75">
      <c r="A90" s="316" t="s">
        <v>10</v>
      </c>
      <c r="B90" s="316"/>
      <c r="C90" s="316"/>
      <c r="D90" s="316"/>
    </row>
    <row r="91" spans="1:8" ht="106.5" customHeight="1">
      <c r="A91" s="354" t="s">
        <v>475</v>
      </c>
      <c r="B91" s="354"/>
      <c r="C91" s="354"/>
      <c r="D91" s="354"/>
    </row>
    <row r="92" spans="1:8" ht="37.5" customHeight="1">
      <c r="A92" s="353" t="s">
        <v>133</v>
      </c>
      <c r="B92" s="353"/>
      <c r="C92" s="353"/>
      <c r="D92" s="353"/>
    </row>
    <row r="93" spans="1:8" ht="36" customHeight="1">
      <c r="A93" s="37" t="s">
        <v>85</v>
      </c>
      <c r="B93" s="38" t="s">
        <v>86</v>
      </c>
      <c r="C93" s="39" t="s">
        <v>87</v>
      </c>
      <c r="D93" s="40" t="s">
        <v>88</v>
      </c>
    </row>
    <row r="94" spans="1:8" ht="60">
      <c r="A94" s="41"/>
      <c r="B94" s="42" t="s">
        <v>89</v>
      </c>
      <c r="C94" s="43" t="s">
        <v>134</v>
      </c>
      <c r="D94" s="44" t="s">
        <v>91</v>
      </c>
    </row>
    <row r="95" spans="1:8">
      <c r="A95" s="45" t="s">
        <v>436</v>
      </c>
      <c r="B95" s="127">
        <v>11074</v>
      </c>
      <c r="C95" s="84">
        <v>3.58</v>
      </c>
      <c r="D95" s="85">
        <v>1.9599999999999999E-2</v>
      </c>
    </row>
    <row r="96" spans="1:8">
      <c r="A96" s="49" t="s">
        <v>437</v>
      </c>
      <c r="B96" s="49">
        <v>8741</v>
      </c>
      <c r="C96" s="118">
        <v>3.534729</v>
      </c>
      <c r="D96" s="119">
        <v>2.8834931999999997E-2</v>
      </c>
    </row>
    <row r="97" spans="1:4">
      <c r="A97" s="53" t="s">
        <v>438</v>
      </c>
      <c r="B97" s="53">
        <v>836</v>
      </c>
      <c r="C97" s="84">
        <v>3.51</v>
      </c>
      <c r="D97" s="85">
        <v>9.8000000000000004E-2</v>
      </c>
    </row>
    <row r="98" spans="1:4">
      <c r="A98" s="49" t="s">
        <v>439</v>
      </c>
      <c r="B98" s="49">
        <v>908</v>
      </c>
      <c r="C98" s="118">
        <v>3.56</v>
      </c>
      <c r="D98" s="119">
        <v>9.8000000000000004E-2</v>
      </c>
    </row>
    <row r="99" spans="1:4">
      <c r="A99" s="53" t="s">
        <v>440</v>
      </c>
      <c r="B99" s="53">
        <v>721</v>
      </c>
      <c r="C99" s="84">
        <v>3.58</v>
      </c>
      <c r="D99" s="85">
        <v>9.8000000000000004E-2</v>
      </c>
    </row>
    <row r="100" spans="1:4" ht="25.5">
      <c r="A100" s="49" t="s">
        <v>453</v>
      </c>
      <c r="B100" s="49">
        <v>136</v>
      </c>
      <c r="C100" s="118">
        <v>3.77</v>
      </c>
      <c r="D100" s="119">
        <v>0.23519999999999999</v>
      </c>
    </row>
    <row r="101" spans="1:4">
      <c r="A101" s="53" t="s">
        <v>441</v>
      </c>
      <c r="B101" s="53">
        <v>79</v>
      </c>
      <c r="C101" s="84">
        <v>3.63</v>
      </c>
      <c r="D101" s="85">
        <v>0.29399999999999998</v>
      </c>
    </row>
    <row r="102" spans="1:4">
      <c r="A102" s="49" t="s">
        <v>446</v>
      </c>
      <c r="B102" s="49">
        <v>165</v>
      </c>
      <c r="C102" s="118">
        <v>3.21</v>
      </c>
      <c r="D102" s="119">
        <v>0.25480000000000003</v>
      </c>
    </row>
    <row r="103" spans="1:4">
      <c r="A103" s="53" t="s">
        <v>447</v>
      </c>
      <c r="B103" s="53">
        <v>113</v>
      </c>
      <c r="C103" s="84">
        <v>3.59</v>
      </c>
      <c r="D103" s="85">
        <v>0.25480000000000003</v>
      </c>
    </row>
    <row r="104" spans="1:4">
      <c r="A104" s="49" t="s">
        <v>442</v>
      </c>
      <c r="B104" s="49">
        <v>79</v>
      </c>
      <c r="C104" s="118">
        <v>3.28</v>
      </c>
      <c r="D104" s="119">
        <v>0.27440000000000003</v>
      </c>
    </row>
    <row r="105" spans="1:4">
      <c r="A105" s="45" t="s">
        <v>448</v>
      </c>
      <c r="B105" s="127">
        <v>292</v>
      </c>
      <c r="C105" s="115">
        <v>3.62</v>
      </c>
      <c r="D105" s="116">
        <v>0.15679999999999999</v>
      </c>
    </row>
    <row r="106" spans="1:4" ht="25.5">
      <c r="A106" s="49" t="s">
        <v>443</v>
      </c>
      <c r="B106" s="129">
        <v>127</v>
      </c>
      <c r="C106" s="118">
        <v>3.71</v>
      </c>
      <c r="D106" s="119">
        <v>0.21559999999999999</v>
      </c>
    </row>
    <row r="107" spans="1:4" ht="25.5">
      <c r="A107" s="53" t="s">
        <v>444</v>
      </c>
      <c r="B107" s="83">
        <v>81</v>
      </c>
      <c r="C107" s="84">
        <v>3.24</v>
      </c>
      <c r="D107" s="85">
        <v>0.29399999999999998</v>
      </c>
    </row>
    <row r="108" spans="1:4">
      <c r="A108" s="49" t="s">
        <v>445</v>
      </c>
      <c r="B108" s="129">
        <v>84</v>
      </c>
      <c r="C108" s="118">
        <v>3.78</v>
      </c>
      <c r="D108" s="119">
        <v>0.31359999999999999</v>
      </c>
    </row>
    <row r="109" spans="1:4">
      <c r="A109" s="57" t="s">
        <v>449</v>
      </c>
      <c r="B109" s="127">
        <v>109</v>
      </c>
      <c r="C109" s="115">
        <v>3.41</v>
      </c>
      <c r="D109" s="116">
        <v>0.23519999999999999</v>
      </c>
    </row>
    <row r="110" spans="1:4">
      <c r="A110" s="49" t="s">
        <v>454</v>
      </c>
      <c r="B110" s="129">
        <v>84</v>
      </c>
      <c r="C110" s="118">
        <v>3.58</v>
      </c>
      <c r="D110" s="119">
        <v>0.29399999999999998</v>
      </c>
    </row>
    <row r="116" spans="1:30">
      <c r="P116" s="248"/>
      <c r="Q116" s="248"/>
      <c r="R116" s="248"/>
      <c r="S116" s="248"/>
      <c r="T116" s="248"/>
      <c r="U116" s="248"/>
      <c r="V116" s="248"/>
      <c r="W116" s="248"/>
      <c r="X116" s="248"/>
      <c r="Y116" s="248"/>
      <c r="Z116" s="248"/>
      <c r="AA116" s="248"/>
      <c r="AB116" s="248"/>
      <c r="AC116" s="248"/>
      <c r="AD116" s="248"/>
    </row>
    <row r="118" spans="1:30">
      <c r="P118" s="248"/>
      <c r="Q118" s="248"/>
      <c r="R118" s="248"/>
      <c r="S118" s="248"/>
      <c r="T118" s="248"/>
      <c r="U118" s="248"/>
      <c r="V118" s="248"/>
      <c r="W118" s="248"/>
      <c r="X118" s="248"/>
      <c r="Y118" s="248"/>
      <c r="Z118" s="248"/>
      <c r="AA118" s="248"/>
      <c r="AB118" s="248"/>
      <c r="AC118" s="248"/>
      <c r="AD118" s="248"/>
    </row>
    <row r="119" spans="1:30" ht="18.75">
      <c r="A119" s="324" t="s">
        <v>37</v>
      </c>
      <c r="B119" s="324"/>
      <c r="C119" s="324"/>
      <c r="D119" s="324"/>
      <c r="E119" s="324"/>
      <c r="F119" s="324"/>
      <c r="G119" s="324"/>
      <c r="H119" s="324"/>
      <c r="I119" s="324"/>
      <c r="J119" s="324"/>
      <c r="K119" s="324"/>
      <c r="L119" s="324"/>
      <c r="M119" s="324"/>
      <c r="N119" s="324"/>
      <c r="O119" s="324"/>
      <c r="P119" s="324"/>
      <c r="Q119" s="324"/>
      <c r="R119" s="324"/>
      <c r="S119" s="324"/>
      <c r="T119" s="226"/>
      <c r="U119" s="226"/>
      <c r="V119" s="226"/>
      <c r="W119" s="226"/>
      <c r="X119" s="226"/>
      <c r="Y119" s="226"/>
      <c r="Z119" s="226"/>
      <c r="AA119" s="226"/>
      <c r="AB119" s="248"/>
    </row>
    <row r="120" spans="1:30" ht="72" customHeight="1">
      <c r="A120" s="351" t="s">
        <v>384</v>
      </c>
      <c r="B120" s="351"/>
      <c r="C120" s="351"/>
      <c r="D120" s="351"/>
      <c r="E120" s="351"/>
      <c r="F120" s="351"/>
      <c r="G120" s="351"/>
      <c r="H120" s="351"/>
      <c r="I120" s="351"/>
      <c r="J120" s="351"/>
      <c r="K120" s="351"/>
      <c r="L120" s="351"/>
      <c r="M120" s="351"/>
      <c r="N120" s="351"/>
      <c r="O120" s="351"/>
      <c r="P120" s="351"/>
      <c r="Q120" s="351"/>
      <c r="R120" s="351"/>
      <c r="S120" s="351"/>
      <c r="T120" s="229"/>
      <c r="U120" s="229"/>
      <c r="V120" s="229"/>
      <c r="W120" s="229"/>
      <c r="X120" s="229"/>
      <c r="Y120" s="229"/>
      <c r="Z120" s="229"/>
      <c r="AA120" s="229"/>
      <c r="AB120" s="248"/>
    </row>
    <row r="121" spans="1:30" ht="41.25" customHeight="1">
      <c r="A121" s="64"/>
      <c r="B121" s="346" t="s">
        <v>245</v>
      </c>
      <c r="C121" s="347"/>
      <c r="D121" s="347"/>
      <c r="E121" s="347"/>
      <c r="F121" s="347"/>
      <c r="G121" s="347"/>
      <c r="H121" s="347"/>
      <c r="I121" s="347"/>
      <c r="J121" s="348"/>
      <c r="K121" s="349" t="s">
        <v>218</v>
      </c>
      <c r="L121" s="352"/>
      <c r="M121" s="352"/>
      <c r="N121" s="352"/>
      <c r="O121" s="352"/>
      <c r="P121" s="352"/>
      <c r="Q121" s="352"/>
      <c r="R121" s="352"/>
      <c r="S121" s="352"/>
      <c r="T121" s="248"/>
      <c r="U121" s="248"/>
      <c r="V121" s="248"/>
      <c r="W121" s="248"/>
      <c r="X121" s="248"/>
      <c r="Y121" s="248"/>
      <c r="Z121" s="248"/>
      <c r="AA121" s="248"/>
      <c r="AB121" s="248"/>
    </row>
    <row r="122" spans="1:30" ht="40.5" customHeight="1">
      <c r="A122" s="37" t="s">
        <v>85</v>
      </c>
      <c r="B122" s="38" t="s">
        <v>86</v>
      </c>
      <c r="C122" s="38" t="s">
        <v>178</v>
      </c>
      <c r="D122" s="89" t="s">
        <v>101</v>
      </c>
      <c r="E122" s="38" t="s">
        <v>179</v>
      </c>
      <c r="F122" s="89" t="s">
        <v>102</v>
      </c>
      <c r="G122" s="38" t="s">
        <v>180</v>
      </c>
      <c r="H122" s="89" t="s">
        <v>103</v>
      </c>
      <c r="I122" s="38" t="s">
        <v>357</v>
      </c>
      <c r="J122" s="89" t="s">
        <v>356</v>
      </c>
      <c r="K122" s="65" t="s">
        <v>86</v>
      </c>
      <c r="L122" s="65" t="s">
        <v>178</v>
      </c>
      <c r="M122" s="88" t="s">
        <v>101</v>
      </c>
      <c r="N122" s="65" t="s">
        <v>179</v>
      </c>
      <c r="O122" s="88" t="s">
        <v>102</v>
      </c>
      <c r="P122" s="65" t="s">
        <v>180</v>
      </c>
      <c r="Q122" s="88" t="s">
        <v>103</v>
      </c>
      <c r="R122" s="65" t="s">
        <v>357</v>
      </c>
      <c r="S122" s="88" t="s">
        <v>356</v>
      </c>
    </row>
    <row r="123" spans="1:30" ht="66" customHeight="1">
      <c r="A123" s="41"/>
      <c r="B123" s="42" t="s">
        <v>89</v>
      </c>
      <c r="C123" s="42" t="s">
        <v>181</v>
      </c>
      <c r="D123" s="91" t="s">
        <v>104</v>
      </c>
      <c r="E123" s="42" t="s">
        <v>182</v>
      </c>
      <c r="F123" s="91" t="s">
        <v>104</v>
      </c>
      <c r="G123" s="42" t="s">
        <v>183</v>
      </c>
      <c r="H123" s="91" t="s">
        <v>104</v>
      </c>
      <c r="I123" s="42" t="s">
        <v>357</v>
      </c>
      <c r="J123" s="91" t="s">
        <v>104</v>
      </c>
      <c r="K123" s="68" t="s">
        <v>89</v>
      </c>
      <c r="L123" s="68" t="s">
        <v>181</v>
      </c>
      <c r="M123" s="90" t="s">
        <v>104</v>
      </c>
      <c r="N123" s="68" t="s">
        <v>182</v>
      </c>
      <c r="O123" s="90" t="s">
        <v>104</v>
      </c>
      <c r="P123" s="68" t="s">
        <v>183</v>
      </c>
      <c r="Q123" s="90" t="s">
        <v>104</v>
      </c>
      <c r="R123" s="68" t="s">
        <v>357</v>
      </c>
      <c r="S123" s="90" t="s">
        <v>104</v>
      </c>
    </row>
    <row r="124" spans="1:30">
      <c r="A124" s="45" t="s">
        <v>436</v>
      </c>
      <c r="B124" s="131">
        <v>9369</v>
      </c>
      <c r="C124" s="132">
        <v>0.37</v>
      </c>
      <c r="D124" s="94">
        <v>9.9741353621355475E-3</v>
      </c>
      <c r="E124" s="132">
        <v>0.221</v>
      </c>
      <c r="F124" s="94">
        <v>8.5731282152094537E-3</v>
      </c>
      <c r="G124" s="132">
        <v>0.40600000000000003</v>
      </c>
      <c r="H124" s="94">
        <v>1.0145038873403799E-2</v>
      </c>
      <c r="I124" s="132">
        <v>3.0000000000000001E-3</v>
      </c>
      <c r="J124" s="94">
        <v>1.1689246013616803E-3</v>
      </c>
      <c r="K124" s="131">
        <v>9309</v>
      </c>
      <c r="L124" s="132">
        <v>0.56100000000000005</v>
      </c>
      <c r="M124" s="94">
        <v>1.0284938582580939E-2</v>
      </c>
      <c r="N124" s="132">
        <v>0.153</v>
      </c>
      <c r="O124" s="94">
        <v>7.4635564944022306E-3</v>
      </c>
      <c r="P124" s="132">
        <v>0.17199999999999999</v>
      </c>
      <c r="Q124" s="94">
        <v>7.823578070147828E-3</v>
      </c>
      <c r="R124" s="132">
        <v>0.114</v>
      </c>
      <c r="S124" s="94">
        <v>6.5906676373308224E-3</v>
      </c>
    </row>
    <row r="125" spans="1:30">
      <c r="A125" s="49" t="s">
        <v>437</v>
      </c>
      <c r="B125" s="133">
        <v>8729</v>
      </c>
      <c r="C125" s="134">
        <v>0.37375328790127532</v>
      </c>
      <c r="D125" s="97">
        <v>1.0354450295772881E-2</v>
      </c>
      <c r="E125" s="134">
        <v>0.21759286025718899</v>
      </c>
      <c r="F125" s="97">
        <v>8.8324285743558578E-3</v>
      </c>
      <c r="G125" s="134">
        <v>0.40625327016899487</v>
      </c>
      <c r="H125" s="97">
        <v>1.0511254749015609E-2</v>
      </c>
      <c r="I125" s="134">
        <v>2.4005816725408747E-3</v>
      </c>
      <c r="J125" s="97">
        <v>1.0957982685366465E-3</v>
      </c>
      <c r="K125" s="133">
        <v>8676</v>
      </c>
      <c r="L125" s="134">
        <v>0.59507818213662678</v>
      </c>
      <c r="M125" s="97">
        <v>1.0537807050497342E-2</v>
      </c>
      <c r="N125" s="134">
        <v>0.14526782920903189</v>
      </c>
      <c r="O125" s="97">
        <v>7.5678509073263808E-3</v>
      </c>
      <c r="P125" s="134">
        <v>0.16198415705035279</v>
      </c>
      <c r="Q125" s="97">
        <v>7.912265737003878E-3</v>
      </c>
      <c r="R125" s="134">
        <v>9.7669831603988483E-2</v>
      </c>
      <c r="S125" s="97">
        <v>6.3782316201213256E-3</v>
      </c>
    </row>
    <row r="126" spans="1:30">
      <c r="A126" s="53" t="s">
        <v>438</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9</v>
      </c>
      <c r="B127" s="133">
        <v>807</v>
      </c>
      <c r="C127" s="134">
        <v>0.376</v>
      </c>
      <c r="D127" s="97">
        <v>3.4028732360404219E-2</v>
      </c>
      <c r="E127" s="134">
        <v>0.20899999999999999</v>
      </c>
      <c r="F127" s="97">
        <v>2.862679319805711E-2</v>
      </c>
      <c r="G127" s="134">
        <v>0.41599999999999998</v>
      </c>
      <c r="H127" s="97">
        <v>3.4620609338007743E-2</v>
      </c>
      <c r="I127" s="134">
        <v>0</v>
      </c>
      <c r="J127" s="97">
        <v>3.4832766858608421E-3</v>
      </c>
      <c r="K127" s="133">
        <v>802</v>
      </c>
      <c r="L127" s="134">
        <v>0.58499999999999996</v>
      </c>
      <c r="M127" s="97">
        <v>3.4715900077323177E-2</v>
      </c>
      <c r="N127" s="134">
        <v>0.157</v>
      </c>
      <c r="O127" s="97">
        <v>2.5741204324176207E-2</v>
      </c>
      <c r="P127" s="134">
        <v>0.16900000000000001</v>
      </c>
      <c r="Q127" s="97">
        <v>2.6501908325598823E-2</v>
      </c>
      <c r="R127" s="134">
        <v>8.8999999999999996E-2</v>
      </c>
      <c r="S127" s="97">
        <v>2.0265174426675473E-2</v>
      </c>
    </row>
    <row r="128" spans="1:30">
      <c r="A128" s="53" t="s">
        <v>440</v>
      </c>
      <c r="B128" s="83">
        <v>718</v>
      </c>
      <c r="C128" s="98">
        <v>0.379</v>
      </c>
      <c r="D128" s="94">
        <v>3.6122351162970009E-2</v>
      </c>
      <c r="E128" s="98">
        <v>0.21299999999999999</v>
      </c>
      <c r="F128" s="94">
        <v>3.0557257251013881E-2</v>
      </c>
      <c r="G128" s="98">
        <v>0.40799999999999997</v>
      </c>
      <c r="H128" s="94">
        <v>3.6587808403766679E-2</v>
      </c>
      <c r="I128" s="98">
        <v>0</v>
      </c>
      <c r="J128" s="94">
        <v>3.9120594445250729E-3</v>
      </c>
      <c r="K128" s="83">
        <v>713</v>
      </c>
      <c r="L128" s="98">
        <v>0.59399999999999997</v>
      </c>
      <c r="M128" s="94">
        <v>3.6687250230655173E-2</v>
      </c>
      <c r="N128" s="98">
        <v>0.13200000000000001</v>
      </c>
      <c r="O128" s="94">
        <v>2.544804011548903E-2</v>
      </c>
      <c r="P128" s="98">
        <v>0.19700000000000001</v>
      </c>
      <c r="Q128" s="94">
        <v>2.9802933483604035E-2</v>
      </c>
      <c r="R128" s="98">
        <v>7.5999999999999998E-2</v>
      </c>
      <c r="S128" s="94">
        <v>2.0072987285410175E-2</v>
      </c>
    </row>
    <row r="129" spans="1:33" ht="25.5">
      <c r="A129" s="49" t="s">
        <v>453</v>
      </c>
      <c r="B129" s="133">
        <v>131</v>
      </c>
      <c r="C129" s="134">
        <v>0.27700000000000002</v>
      </c>
      <c r="D129" s="97">
        <v>7.7588514971216618E-2</v>
      </c>
      <c r="E129" s="134">
        <v>0.21199999999999999</v>
      </c>
      <c r="F129" s="97">
        <v>7.1367257192475553E-2</v>
      </c>
      <c r="G129" s="134">
        <v>0.51100000000000001</v>
      </c>
      <c r="H129" s="97">
        <v>8.6046682272780992E-2</v>
      </c>
      <c r="I129" s="134">
        <v>0</v>
      </c>
      <c r="J129" s="97">
        <v>2.07955380376675E-2</v>
      </c>
      <c r="K129" s="133">
        <v>131</v>
      </c>
      <c r="L129" s="134">
        <v>0.5</v>
      </c>
      <c r="M129" s="97">
        <v>8.6066296582387042E-2</v>
      </c>
      <c r="N129" s="134">
        <v>0.245</v>
      </c>
      <c r="O129" s="97">
        <v>7.4787847480541569E-2</v>
      </c>
      <c r="P129" s="134">
        <v>0.10100000000000001</v>
      </c>
      <c r="Q129" s="97">
        <v>5.4458511124779709E-2</v>
      </c>
      <c r="R129" s="134">
        <v>0.153</v>
      </c>
      <c r="S129" s="97">
        <v>6.3624043739988534E-2</v>
      </c>
    </row>
    <row r="130" spans="1:33">
      <c r="A130" s="53" t="s">
        <v>441</v>
      </c>
      <c r="B130" s="83">
        <v>76</v>
      </c>
      <c r="C130" s="98">
        <v>0.30299999999999999</v>
      </c>
      <c r="D130" s="94">
        <v>0.1036761490170232</v>
      </c>
      <c r="E130" s="98">
        <v>0.254</v>
      </c>
      <c r="F130" s="94">
        <v>9.8839341863450308E-2</v>
      </c>
      <c r="G130" s="98">
        <v>0.443</v>
      </c>
      <c r="H130" s="94">
        <v>0.11114580007809562</v>
      </c>
      <c r="I130" s="98">
        <v>0</v>
      </c>
      <c r="J130" s="94">
        <v>3.4910600109422353E-2</v>
      </c>
      <c r="K130" s="83">
        <v>76</v>
      </c>
      <c r="L130" s="98">
        <v>0.627</v>
      </c>
      <c r="M130" s="94">
        <v>0.10849967223452797</v>
      </c>
      <c r="N130" s="98">
        <v>7.9000000000000001E-2</v>
      </c>
      <c r="O130" s="94">
        <v>6.7096943857376995E-2</v>
      </c>
      <c r="P130" s="98">
        <v>0.111</v>
      </c>
      <c r="Q130" s="94">
        <v>7.5310290631493387E-2</v>
      </c>
      <c r="R130" s="98">
        <v>0.183</v>
      </c>
      <c r="S130" s="94">
        <v>8.9249279408855742E-2</v>
      </c>
    </row>
    <row r="131" spans="1:33">
      <c r="A131" s="49" t="s">
        <v>446</v>
      </c>
      <c r="B131" s="133">
        <v>93</v>
      </c>
      <c r="C131" s="134">
        <v>0.55300000000000005</v>
      </c>
      <c r="D131" s="97">
        <v>0.10100890915078937</v>
      </c>
      <c r="E131" s="134">
        <v>0.19700000000000001</v>
      </c>
      <c r="F131" s="97">
        <v>8.2638638307777471E-2</v>
      </c>
      <c r="G131" s="134">
        <v>0.25</v>
      </c>
      <c r="H131" s="97">
        <v>8.9107454639762287E-2</v>
      </c>
      <c r="I131" s="134">
        <v>0</v>
      </c>
      <c r="J131" s="97">
        <v>2.885686812463846E-2</v>
      </c>
      <c r="K131" s="133">
        <v>93</v>
      </c>
      <c r="L131" s="134">
        <v>0.69699999999999995</v>
      </c>
      <c r="M131" s="97">
        <v>9.4011569277535387E-2</v>
      </c>
      <c r="N131" s="134">
        <v>9.2999999999999999E-2</v>
      </c>
      <c r="O131" s="97">
        <v>6.3483446060655077E-2</v>
      </c>
      <c r="P131" s="134">
        <v>0.109</v>
      </c>
      <c r="Q131" s="97">
        <v>6.7187311087445634E-2</v>
      </c>
      <c r="R131" s="134">
        <v>0.10100000000000001</v>
      </c>
      <c r="S131" s="97">
        <v>6.5380175486793105E-2</v>
      </c>
    </row>
    <row r="132" spans="1:33">
      <c r="A132" s="53" t="s">
        <v>447</v>
      </c>
      <c r="B132" s="83">
        <v>112</v>
      </c>
      <c r="C132" s="98">
        <v>0.39400000000000002</v>
      </c>
      <c r="D132" s="94">
        <v>9.0881798235751141E-2</v>
      </c>
      <c r="E132" s="98">
        <v>0.223</v>
      </c>
      <c r="F132" s="94">
        <v>7.844862578484893E-2</v>
      </c>
      <c r="G132" s="98">
        <v>0.38400000000000001</v>
      </c>
      <c r="H132" s="94">
        <v>9.0488330358309083E-2</v>
      </c>
      <c r="I132" s="98">
        <v>0</v>
      </c>
      <c r="J132" s="94">
        <v>2.4171880321350918E-2</v>
      </c>
      <c r="K132" s="83">
        <v>111</v>
      </c>
      <c r="L132" s="98">
        <v>0.54800000000000004</v>
      </c>
      <c r="M132" s="94">
        <v>9.2849291784024596E-2</v>
      </c>
      <c r="N132" s="98">
        <v>0.16</v>
      </c>
      <c r="O132" s="94">
        <v>7.0353611890279333E-2</v>
      </c>
      <c r="P132" s="98">
        <v>0.26500000000000001</v>
      </c>
      <c r="Q132" s="94">
        <v>8.3102854296398465E-2</v>
      </c>
      <c r="R132" s="98">
        <v>2.7E-2</v>
      </c>
      <c r="S132" s="94">
        <v>3.802245674896515E-2</v>
      </c>
    </row>
    <row r="133" spans="1:33">
      <c r="A133" s="49" t="s">
        <v>442</v>
      </c>
      <c r="B133" s="133">
        <v>78</v>
      </c>
      <c r="C133" s="134">
        <v>0.40400000000000003</v>
      </c>
      <c r="D133" s="97">
        <v>0.10857417205056154</v>
      </c>
      <c r="E133" s="134">
        <v>0.17799999999999999</v>
      </c>
      <c r="F133" s="97">
        <v>8.7285567880764525E-2</v>
      </c>
      <c r="G133" s="134">
        <v>0.41799999999999998</v>
      </c>
      <c r="H133" s="97">
        <v>0.10907951899148911</v>
      </c>
      <c r="I133" s="134">
        <v>0</v>
      </c>
      <c r="J133" s="97">
        <v>3.406977052534528E-2</v>
      </c>
      <c r="K133" s="133">
        <v>77</v>
      </c>
      <c r="L133" s="134">
        <v>0.64</v>
      </c>
      <c r="M133" s="97">
        <v>0.10710281315882228</v>
      </c>
      <c r="N133" s="134">
        <v>0.20399999999999999</v>
      </c>
      <c r="O133" s="97">
        <v>9.1846293260062786E-2</v>
      </c>
      <c r="P133" s="134">
        <v>0.129</v>
      </c>
      <c r="Q133" s="97">
        <v>7.8761247051327948E-2</v>
      </c>
      <c r="R133" s="134">
        <v>2.7E-2</v>
      </c>
      <c r="S133" s="97">
        <v>4.8596140699555486E-2</v>
      </c>
    </row>
    <row r="134" spans="1:33">
      <c r="A134" s="45" t="s">
        <v>448</v>
      </c>
      <c r="B134" s="131">
        <v>281</v>
      </c>
      <c r="C134" s="132">
        <v>0.32600000000000001</v>
      </c>
      <c r="D134" s="94">
        <v>5.5638922228196198E-2</v>
      </c>
      <c r="E134" s="132">
        <v>0.23</v>
      </c>
      <c r="F134" s="94">
        <v>5.0141127941836172E-2</v>
      </c>
      <c r="G134" s="132">
        <v>0.44400000000000001</v>
      </c>
      <c r="H134" s="94">
        <v>5.8872614230867905E-2</v>
      </c>
      <c r="I134" s="132">
        <v>0</v>
      </c>
      <c r="J134" s="94">
        <v>9.8894222688490421E-3</v>
      </c>
      <c r="K134" s="131">
        <v>278</v>
      </c>
      <c r="L134" s="132">
        <v>0.56399999999999995</v>
      </c>
      <c r="M134" s="94">
        <v>5.907314548439499E-2</v>
      </c>
      <c r="N134" s="132">
        <v>0.16200000000000001</v>
      </c>
      <c r="O134" s="94">
        <v>4.4398897656576543E-2</v>
      </c>
      <c r="P134" s="132">
        <v>0.187</v>
      </c>
      <c r="Q134" s="94">
        <v>4.6857343684517806E-2</v>
      </c>
      <c r="R134" s="132">
        <v>8.6999999999999994E-2</v>
      </c>
      <c r="S134" s="94">
        <v>3.4566313878401048E-2</v>
      </c>
    </row>
    <row r="135" spans="1:33" ht="25.5">
      <c r="A135" s="49" t="s">
        <v>443</v>
      </c>
      <c r="B135" s="133">
        <v>123</v>
      </c>
      <c r="C135" s="134">
        <v>0.25600000000000001</v>
      </c>
      <c r="D135" s="97">
        <v>7.8199268857463436E-2</v>
      </c>
      <c r="E135" s="134">
        <v>0.254</v>
      </c>
      <c r="F135" s="97">
        <v>7.8013929606989926E-2</v>
      </c>
      <c r="G135" s="134">
        <v>0.49099999999999999</v>
      </c>
      <c r="H135" s="97">
        <v>8.8722166004183131E-2</v>
      </c>
      <c r="I135" s="134">
        <v>0</v>
      </c>
      <c r="J135" s="97">
        <v>2.2095020994736762E-2</v>
      </c>
      <c r="K135" s="133">
        <v>124</v>
      </c>
      <c r="L135" s="134">
        <v>0.56799999999999995</v>
      </c>
      <c r="M135" s="97">
        <v>8.7617864255634254E-2</v>
      </c>
      <c r="N135" s="134">
        <v>0.158</v>
      </c>
      <c r="O135" s="97">
        <v>6.6198571393136479E-2</v>
      </c>
      <c r="P135" s="134">
        <v>0.19400000000000001</v>
      </c>
      <c r="Q135" s="97">
        <v>7.1178650370421384E-2</v>
      </c>
      <c r="R135" s="134">
        <v>7.9000000000000001E-2</v>
      </c>
      <c r="S135" s="97">
        <v>5.1132021396191128E-2</v>
      </c>
    </row>
    <row r="136" spans="1:33" ht="25.5">
      <c r="A136" s="53" t="s">
        <v>444</v>
      </c>
      <c r="B136" s="83">
        <v>80</v>
      </c>
      <c r="C136" s="98">
        <v>0.52100000000000002</v>
      </c>
      <c r="D136" s="94">
        <v>0.1090216230190795</v>
      </c>
      <c r="E136" s="98">
        <v>0.19800000000000001</v>
      </c>
      <c r="F136" s="94">
        <v>8.9249592088360086E-2</v>
      </c>
      <c r="G136" s="98">
        <v>0.28100000000000003</v>
      </c>
      <c r="H136" s="94">
        <v>9.9162675193862626E-2</v>
      </c>
      <c r="I136" s="98">
        <v>0</v>
      </c>
      <c r="J136" s="94">
        <v>3.326848242884628E-2</v>
      </c>
      <c r="K136" s="83">
        <v>78</v>
      </c>
      <c r="L136" s="98">
        <v>0.55500000000000005</v>
      </c>
      <c r="M136" s="94">
        <v>0.10982534334888244</v>
      </c>
      <c r="N136" s="98">
        <v>0.13300000000000001</v>
      </c>
      <c r="O136" s="94">
        <v>7.9058759537164139E-2</v>
      </c>
      <c r="P136" s="98">
        <v>0.25900000000000001</v>
      </c>
      <c r="Q136" s="94">
        <v>9.8140574437653158E-2</v>
      </c>
      <c r="R136" s="98">
        <v>5.2999999999999999E-2</v>
      </c>
      <c r="S136" s="94">
        <v>5.8103821405282412E-2</v>
      </c>
    </row>
    <row r="137" spans="1:33">
      <c r="A137" s="49" t="s">
        <v>445</v>
      </c>
      <c r="B137" s="133">
        <v>78</v>
      </c>
      <c r="C137" s="134">
        <v>0.27300000000000002</v>
      </c>
      <c r="D137" s="97">
        <v>9.9603017978113342E-2</v>
      </c>
      <c r="E137" s="134">
        <v>0.221</v>
      </c>
      <c r="F137" s="97">
        <v>9.3591749282332687E-2</v>
      </c>
      <c r="G137" s="134">
        <v>0.50600000000000001</v>
      </c>
      <c r="H137" s="97">
        <v>0.11042433156488883</v>
      </c>
      <c r="I137" s="134">
        <v>0</v>
      </c>
      <c r="J137" s="97">
        <v>3.406977052534528E-2</v>
      </c>
      <c r="K137" s="133">
        <v>76</v>
      </c>
      <c r="L137" s="134">
        <v>0.56499999999999995</v>
      </c>
      <c r="M137" s="97">
        <v>0.11094749602852694</v>
      </c>
      <c r="N137" s="134">
        <v>0.192</v>
      </c>
      <c r="O137" s="97">
        <v>9.0660145598824168E-2</v>
      </c>
      <c r="P137" s="134">
        <v>0.11600000000000001</v>
      </c>
      <c r="Q137" s="97">
        <v>7.6459453306965269E-2</v>
      </c>
      <c r="R137" s="134">
        <v>0.127</v>
      </c>
      <c r="S137" s="97">
        <v>7.8878411970576587E-2</v>
      </c>
    </row>
    <row r="138" spans="1:33">
      <c r="A138" s="57" t="s">
        <v>449</v>
      </c>
      <c r="B138" s="131">
        <v>106</v>
      </c>
      <c r="C138" s="132">
        <v>0.443</v>
      </c>
      <c r="D138" s="94">
        <v>9.4769192291922641E-2</v>
      </c>
      <c r="E138" s="132">
        <v>0.20300000000000001</v>
      </c>
      <c r="F138" s="94">
        <v>7.8181504439116783E-2</v>
      </c>
      <c r="G138" s="132">
        <v>0.35399999999999998</v>
      </c>
      <c r="H138" s="94">
        <v>9.1493878205379714E-2</v>
      </c>
      <c r="I138" s="132">
        <v>0</v>
      </c>
      <c r="J138" s="94">
        <v>2.5478147263468021E-2</v>
      </c>
      <c r="K138" s="131">
        <v>105</v>
      </c>
      <c r="L138" s="132">
        <v>0.67</v>
      </c>
      <c r="M138" s="94">
        <v>9.0499567971910666E-2</v>
      </c>
      <c r="N138" s="132">
        <v>0.123</v>
      </c>
      <c r="O138" s="94">
        <v>6.5835793176412694E-2</v>
      </c>
      <c r="P138" s="132">
        <v>0.14199999999999999</v>
      </c>
      <c r="Q138" s="94">
        <v>6.935348497772563E-2</v>
      </c>
      <c r="R138" s="132">
        <v>6.5000000000000002E-2</v>
      </c>
      <c r="S138" s="94">
        <v>5.2254931327709482E-2</v>
      </c>
    </row>
    <row r="139" spans="1:33">
      <c r="A139" s="49" t="s">
        <v>454</v>
      </c>
      <c r="B139" s="133">
        <v>75</v>
      </c>
      <c r="C139" s="134">
        <v>0.315</v>
      </c>
      <c r="D139" s="97">
        <v>0.10533925433132646</v>
      </c>
      <c r="E139" s="134">
        <v>0.123</v>
      </c>
      <c r="F139" s="97">
        <v>7.8562862095208991E-2</v>
      </c>
      <c r="G139" s="134">
        <v>0.56200000000000006</v>
      </c>
      <c r="H139" s="97">
        <v>0.11172647680760099</v>
      </c>
      <c r="I139" s="134">
        <v>0</v>
      </c>
      <c r="J139" s="97">
        <v>3.5346768793784435E-2</v>
      </c>
      <c r="K139" s="133">
        <v>75</v>
      </c>
      <c r="L139" s="134">
        <v>0.68799999999999994</v>
      </c>
      <c r="M139" s="97">
        <v>0.10509658682879747</v>
      </c>
      <c r="N139" s="134">
        <v>8.8999999999999996E-2</v>
      </c>
      <c r="O139" s="97">
        <v>7.0352408641307665E-2</v>
      </c>
      <c r="P139" s="134">
        <v>0.13300000000000001</v>
      </c>
      <c r="Q139" s="97">
        <v>8.0694796573266614E-2</v>
      </c>
      <c r="R139" s="134">
        <v>0.09</v>
      </c>
      <c r="S139" s="97">
        <v>7.0618184710313822E-2</v>
      </c>
    </row>
    <row r="141" spans="1:33">
      <c r="T141" s="248"/>
      <c r="U141" s="248"/>
      <c r="V141" s="248"/>
      <c r="W141" s="248"/>
      <c r="X141" s="248"/>
      <c r="Y141" s="248"/>
      <c r="Z141" s="248"/>
      <c r="AA141" s="248"/>
      <c r="AB141" s="248"/>
      <c r="AC141" s="248"/>
      <c r="AD141" s="248"/>
      <c r="AE141" s="248"/>
      <c r="AF141" s="248"/>
      <c r="AG141" s="248"/>
    </row>
    <row r="142" spans="1:33">
      <c r="T142" s="248"/>
      <c r="U142" s="248"/>
      <c r="V142" s="248"/>
      <c r="W142" s="248"/>
      <c r="X142" s="248"/>
      <c r="Y142" s="248"/>
      <c r="Z142" s="248"/>
      <c r="AA142" s="248"/>
      <c r="AB142" s="248"/>
      <c r="AC142" s="248"/>
      <c r="AD142" s="248"/>
      <c r="AE142" s="248"/>
      <c r="AF142" s="248"/>
      <c r="AG142" s="248"/>
    </row>
    <row r="143" spans="1:33">
      <c r="T143" s="248"/>
      <c r="U143" s="248"/>
      <c r="V143" s="248"/>
      <c r="W143" s="248"/>
      <c r="X143" s="248"/>
      <c r="Y143" s="248"/>
      <c r="Z143" s="248"/>
      <c r="AA143" s="248"/>
      <c r="AB143" s="248"/>
      <c r="AC143" s="248"/>
      <c r="AD143" s="248"/>
      <c r="AE143" s="248"/>
      <c r="AF143" s="248"/>
      <c r="AG143" s="248"/>
    </row>
    <row r="144" spans="1:33">
      <c r="T144" s="248"/>
      <c r="U144" s="248"/>
      <c r="V144" s="248"/>
      <c r="W144" s="248"/>
      <c r="X144" s="248"/>
      <c r="Y144" s="248"/>
      <c r="Z144" s="248"/>
      <c r="AA144" s="248"/>
      <c r="AB144" s="248"/>
      <c r="AC144" s="248"/>
      <c r="AD144" s="248"/>
      <c r="AE144" s="248"/>
      <c r="AF144" s="248"/>
      <c r="AG144" s="248"/>
    </row>
    <row r="145" spans="1:33">
      <c r="T145" s="248"/>
      <c r="U145" s="248"/>
      <c r="V145" s="248"/>
      <c r="W145" s="248"/>
      <c r="X145" s="248"/>
      <c r="Y145" s="248"/>
      <c r="Z145" s="248"/>
      <c r="AA145" s="248"/>
      <c r="AB145" s="248"/>
      <c r="AC145" s="248"/>
      <c r="AD145" s="248"/>
      <c r="AE145" s="248"/>
      <c r="AF145" s="248"/>
      <c r="AG145" s="248"/>
    </row>
    <row r="146" spans="1:33">
      <c r="T146" s="248"/>
      <c r="U146" s="248"/>
      <c r="V146" s="248"/>
      <c r="W146" s="248"/>
      <c r="X146" s="248"/>
      <c r="Y146" s="248"/>
      <c r="Z146" s="248"/>
      <c r="AA146" s="248"/>
      <c r="AB146" s="248"/>
      <c r="AC146" s="248"/>
      <c r="AD146" s="248"/>
      <c r="AE146" s="248"/>
      <c r="AF146" s="248"/>
      <c r="AG146" s="248"/>
    </row>
    <row r="147" spans="1:33">
      <c r="R147" s="248"/>
      <c r="S147" s="248"/>
      <c r="T147" s="248"/>
      <c r="U147" s="248"/>
      <c r="V147" s="248"/>
      <c r="W147" s="248"/>
      <c r="X147" s="248"/>
      <c r="Y147" s="248"/>
      <c r="Z147" s="248"/>
      <c r="AA147" s="248"/>
      <c r="AB147" s="248"/>
      <c r="AC147" s="248"/>
      <c r="AD147" s="248"/>
      <c r="AE147" s="248"/>
    </row>
    <row r="148" spans="1:33" ht="18.75">
      <c r="A148" s="324" t="s">
        <v>255</v>
      </c>
      <c r="B148" s="324"/>
      <c r="C148" s="324"/>
      <c r="D148" s="324"/>
      <c r="E148" s="324"/>
      <c r="F148" s="324"/>
      <c r="G148" s="324"/>
      <c r="H148" s="324"/>
      <c r="I148" s="324"/>
      <c r="J148" s="324"/>
      <c r="K148" s="324"/>
      <c r="L148" s="324"/>
      <c r="M148" s="324"/>
      <c r="N148" s="324"/>
      <c r="O148" s="324"/>
      <c r="P148" s="324"/>
      <c r="Q148" s="324"/>
      <c r="R148" s="324"/>
      <c r="S148" s="324"/>
      <c r="T148" s="324"/>
      <c r="U148" s="324"/>
      <c r="V148" s="324"/>
      <c r="W148" s="324"/>
      <c r="X148" s="226"/>
      <c r="Y148" s="226"/>
      <c r="Z148" s="226"/>
      <c r="AA148" s="226"/>
      <c r="AB148" s="226"/>
      <c r="AC148" s="226"/>
      <c r="AD148" s="248"/>
      <c r="AE148" s="248"/>
    </row>
    <row r="149" spans="1:33" ht="57.75" customHeight="1">
      <c r="A149" s="351" t="s">
        <v>476</v>
      </c>
      <c r="B149" s="351"/>
      <c r="C149" s="351"/>
      <c r="D149" s="351"/>
      <c r="E149" s="351"/>
      <c r="F149" s="351"/>
      <c r="G149" s="351"/>
      <c r="H149" s="351"/>
      <c r="I149" s="351"/>
      <c r="J149" s="351"/>
      <c r="K149" s="351"/>
      <c r="L149" s="351"/>
      <c r="M149" s="351"/>
      <c r="N149" s="351"/>
      <c r="O149" s="351"/>
      <c r="P149" s="351"/>
      <c r="Q149" s="351"/>
      <c r="R149" s="351"/>
      <c r="S149" s="351"/>
      <c r="T149" s="351"/>
      <c r="U149" s="351"/>
      <c r="V149" s="351"/>
      <c r="W149" s="351"/>
      <c r="X149" s="229"/>
      <c r="Y149" s="229"/>
      <c r="Z149" s="229"/>
      <c r="AA149" s="229"/>
      <c r="AB149" s="229"/>
      <c r="AC149" s="229"/>
      <c r="AD149" s="248"/>
      <c r="AE149" s="248"/>
    </row>
    <row r="150" spans="1:33" ht="41.25" customHeight="1">
      <c r="A150" s="64"/>
      <c r="B150" s="346" t="s">
        <v>256</v>
      </c>
      <c r="C150" s="347"/>
      <c r="D150" s="347"/>
      <c r="E150" s="347"/>
      <c r="F150" s="347"/>
      <c r="G150" s="347"/>
      <c r="H150" s="347"/>
      <c r="I150" s="347"/>
      <c r="J150" s="347"/>
      <c r="K150" s="347"/>
      <c r="L150" s="348"/>
      <c r="M150" s="349" t="s">
        <v>391</v>
      </c>
      <c r="N150" s="350"/>
      <c r="O150" s="350"/>
      <c r="P150" s="350"/>
      <c r="Q150" s="350"/>
      <c r="R150" s="350"/>
      <c r="S150" s="350"/>
      <c r="T150" s="350"/>
      <c r="U150" s="350"/>
      <c r="V150" s="350"/>
      <c r="W150" s="350"/>
      <c r="X150" s="248"/>
      <c r="Y150" s="248"/>
      <c r="Z150" s="248"/>
      <c r="AA150" s="248"/>
      <c r="AB150" s="248"/>
      <c r="AC150" s="248"/>
      <c r="AD150" s="248"/>
      <c r="AE150" s="248"/>
      <c r="AF150" s="248"/>
      <c r="AG150" s="248"/>
    </row>
    <row r="151" spans="1:33" ht="40.5" customHeight="1">
      <c r="A151" s="37" t="s">
        <v>85</v>
      </c>
      <c r="B151" s="38" t="s">
        <v>86</v>
      </c>
      <c r="C151" s="39" t="s">
        <v>87</v>
      </c>
      <c r="D151" s="40" t="s">
        <v>88</v>
      </c>
      <c r="E151" s="38" t="s">
        <v>257</v>
      </c>
      <c r="F151" s="89" t="s">
        <v>318</v>
      </c>
      <c r="G151" s="38" t="s">
        <v>258</v>
      </c>
      <c r="H151" s="89" t="s">
        <v>319</v>
      </c>
      <c r="I151" s="38" t="s">
        <v>259</v>
      </c>
      <c r="J151" s="89" t="s">
        <v>320</v>
      </c>
      <c r="K151" s="38" t="s">
        <v>357</v>
      </c>
      <c r="L151" s="89" t="s">
        <v>321</v>
      </c>
      <c r="M151" s="65" t="s">
        <v>86</v>
      </c>
      <c r="N151" s="66" t="s">
        <v>87</v>
      </c>
      <c r="O151" s="67" t="s">
        <v>88</v>
      </c>
      <c r="P151" s="65" t="s">
        <v>427</v>
      </c>
      <c r="Q151" s="88" t="s">
        <v>428</v>
      </c>
      <c r="R151" s="65" t="s">
        <v>423</v>
      </c>
      <c r="S151" s="88" t="s">
        <v>425</v>
      </c>
      <c r="T151" s="65" t="s">
        <v>429</v>
      </c>
      <c r="U151" s="88" t="s">
        <v>430</v>
      </c>
      <c r="V151" s="65" t="s">
        <v>357</v>
      </c>
      <c r="W151" s="88" t="s">
        <v>371</v>
      </c>
    </row>
    <row r="152" spans="1:33" ht="55.5" customHeight="1">
      <c r="A152" s="41"/>
      <c r="B152" s="42" t="s">
        <v>89</v>
      </c>
      <c r="C152" s="43" t="s">
        <v>360</v>
      </c>
      <c r="D152" s="44" t="s">
        <v>91</v>
      </c>
      <c r="E152" s="42" t="s">
        <v>181</v>
      </c>
      <c r="F152" s="91" t="s">
        <v>104</v>
      </c>
      <c r="G152" s="42" t="s">
        <v>182</v>
      </c>
      <c r="H152" s="91" t="s">
        <v>104</v>
      </c>
      <c r="I152" s="42" t="s">
        <v>183</v>
      </c>
      <c r="J152" s="91" t="s">
        <v>104</v>
      </c>
      <c r="K152" s="42" t="s">
        <v>357</v>
      </c>
      <c r="L152" s="91" t="s">
        <v>104</v>
      </c>
      <c r="M152" s="68" t="s">
        <v>89</v>
      </c>
      <c r="N152" s="69" t="s">
        <v>359</v>
      </c>
      <c r="O152" s="70" t="s">
        <v>91</v>
      </c>
      <c r="P152" s="68" t="s">
        <v>422</v>
      </c>
      <c r="Q152" s="90" t="s">
        <v>104</v>
      </c>
      <c r="R152" s="68" t="s">
        <v>424</v>
      </c>
      <c r="S152" s="90" t="s">
        <v>104</v>
      </c>
      <c r="T152" s="68" t="s">
        <v>181</v>
      </c>
      <c r="U152" s="90" t="s">
        <v>104</v>
      </c>
      <c r="V152" s="68" t="s">
        <v>357</v>
      </c>
      <c r="W152" s="90" t="s">
        <v>104</v>
      </c>
    </row>
    <row r="153" spans="1:33">
      <c r="A153" s="45" t="s">
        <v>436</v>
      </c>
      <c r="B153" s="131">
        <v>10804</v>
      </c>
      <c r="C153" s="84">
        <v>3.84</v>
      </c>
      <c r="D153" s="85">
        <v>3.9199999999999999E-2</v>
      </c>
      <c r="E153" s="132">
        <v>0.372</v>
      </c>
      <c r="F153" s="94">
        <v>9.2213291604924599E-3</v>
      </c>
      <c r="G153" s="132">
        <v>0.20100000000000001</v>
      </c>
      <c r="H153" s="94">
        <v>7.6469900762182247E-3</v>
      </c>
      <c r="I153" s="132">
        <v>0.33300000000000002</v>
      </c>
      <c r="J153" s="94">
        <v>8.9915802829965766E-3</v>
      </c>
      <c r="K153" s="132">
        <v>9.5000000000000001E-2</v>
      </c>
      <c r="L153" s="94">
        <v>5.5978150464278675E-3</v>
      </c>
      <c r="M153" s="131">
        <v>11034</v>
      </c>
      <c r="N153" s="84">
        <v>4.9800000000000004</v>
      </c>
      <c r="O153" s="85">
        <v>3.9199999999999999E-2</v>
      </c>
      <c r="P153" s="132">
        <v>0.38100000000000001</v>
      </c>
      <c r="Q153" s="94">
        <v>9.244896666070538E-3</v>
      </c>
      <c r="R153" s="132">
        <v>0.36</v>
      </c>
      <c r="S153" s="94">
        <v>9.1377531917335442E-3</v>
      </c>
      <c r="T153" s="132">
        <v>0.16499999999999998</v>
      </c>
      <c r="U153" s="94">
        <v>7.0680261106335265E-3</v>
      </c>
      <c r="V153" s="132">
        <v>9.4E-2</v>
      </c>
      <c r="W153" s="94">
        <v>5.5592623804324786E-3</v>
      </c>
    </row>
    <row r="154" spans="1:33">
      <c r="A154" s="49" t="s">
        <v>437</v>
      </c>
      <c r="B154" s="133">
        <v>8845</v>
      </c>
      <c r="C154" s="118">
        <v>3.5580334017750359</v>
      </c>
      <c r="D154" s="119">
        <v>3.5205747215694458E-2</v>
      </c>
      <c r="E154" s="134">
        <v>0.44755025397974407</v>
      </c>
      <c r="F154" s="97">
        <v>1.0573078565918758E-2</v>
      </c>
      <c r="G154" s="134">
        <v>0.19560055590521888</v>
      </c>
      <c r="H154" s="97">
        <v>8.4366199320657278E-3</v>
      </c>
      <c r="I154" s="134">
        <v>0.26601356653352071</v>
      </c>
      <c r="J154" s="97">
        <v>9.3968638004405108E-3</v>
      </c>
      <c r="K154" s="134">
        <v>9.0835623581516298E-2</v>
      </c>
      <c r="L154" s="97">
        <v>6.1161607456334324E-3</v>
      </c>
      <c r="M154" s="133">
        <v>8886</v>
      </c>
      <c r="N154" s="118">
        <v>5.1718082437059056</v>
      </c>
      <c r="O154" s="119">
        <v>3.4378517326994228E-2</v>
      </c>
      <c r="P154" s="134">
        <v>0.43629160755960167</v>
      </c>
      <c r="Q154" s="97">
        <v>1.0519570755543177E-2</v>
      </c>
      <c r="R154" s="134">
        <v>0.34573865969498879</v>
      </c>
      <c r="S154" s="97">
        <v>1.0089026621869638E-2</v>
      </c>
      <c r="T154" s="134">
        <v>0.13416039792602819</v>
      </c>
      <c r="U154" s="97">
        <v>7.233275132119691E-3</v>
      </c>
      <c r="V154" s="134">
        <v>8.3809334819381284E-2</v>
      </c>
      <c r="W154" s="97">
        <v>5.8838081707965027E-3</v>
      </c>
    </row>
    <row r="155" spans="1:33">
      <c r="A155" s="53" t="s">
        <v>438</v>
      </c>
      <c r="B155" s="83">
        <v>1984</v>
      </c>
      <c r="C155" s="84">
        <v>4.33</v>
      </c>
      <c r="D155" s="85">
        <v>7.8399999999999997E-2</v>
      </c>
      <c r="E155" s="132">
        <v>0.24279999999999999</v>
      </c>
      <c r="F155" s="94">
        <v>1.9266521627966812E-2</v>
      </c>
      <c r="G155" s="132">
        <v>0.20399999999999999</v>
      </c>
      <c r="H155" s="94">
        <v>1.8113493799576698E-2</v>
      </c>
      <c r="I155" s="132">
        <v>0.43930000000000002</v>
      </c>
      <c r="J155" s="94">
        <v>2.2285281552332042E-2</v>
      </c>
      <c r="K155" s="132">
        <v>0.1139</v>
      </c>
      <c r="L155" s="94">
        <v>1.430706497763082E-2</v>
      </c>
      <c r="M155" s="83">
        <v>1986</v>
      </c>
      <c r="N155" s="84">
        <v>4.63</v>
      </c>
      <c r="O155" s="85">
        <v>7.8399999999999997E-2</v>
      </c>
      <c r="P155" s="132">
        <v>0.2752</v>
      </c>
      <c r="Q155" s="94">
        <v>2.0033535289778068E-2</v>
      </c>
      <c r="R155" s="132">
        <v>0.39749999999999996</v>
      </c>
      <c r="S155" s="94">
        <v>2.1942636210911051E-2</v>
      </c>
      <c r="T155" s="132">
        <v>0.20550000000000002</v>
      </c>
      <c r="U155" s="94">
        <v>1.8135063563790521E-2</v>
      </c>
      <c r="V155" s="132">
        <v>0.12189999999999999</v>
      </c>
      <c r="W155" s="94">
        <v>1.4707501548837085E-2</v>
      </c>
    </row>
    <row r="156" spans="1:33">
      <c r="A156" s="49" t="s">
        <v>439</v>
      </c>
      <c r="B156" s="133">
        <v>904</v>
      </c>
      <c r="C156" s="118">
        <v>3.66</v>
      </c>
      <c r="D156" s="119">
        <v>0.1176</v>
      </c>
      <c r="E156" s="134">
        <v>0.40500000000000003</v>
      </c>
      <c r="F156" s="97">
        <v>3.2604977775997156E-2</v>
      </c>
      <c r="G156" s="134">
        <v>0.21</v>
      </c>
      <c r="H156" s="97">
        <v>2.7109167228313347E-2</v>
      </c>
      <c r="I156" s="134">
        <v>0.30499999999999999</v>
      </c>
      <c r="J156" s="97">
        <v>3.0599280953579003E-2</v>
      </c>
      <c r="K156" s="134">
        <v>7.9000000000000001E-2</v>
      </c>
      <c r="L156" s="97">
        <v>1.8104056597444275E-2</v>
      </c>
      <c r="M156" s="133">
        <v>908</v>
      </c>
      <c r="N156" s="118">
        <v>5.22</v>
      </c>
      <c r="O156" s="119">
        <v>9.8000000000000004E-2</v>
      </c>
      <c r="P156" s="134">
        <v>0.39600000000000002</v>
      </c>
      <c r="Q156" s="97">
        <v>3.2395491153196836E-2</v>
      </c>
      <c r="R156" s="134">
        <v>0.39500000000000002</v>
      </c>
      <c r="S156" s="97">
        <v>3.2381463890507313E-2</v>
      </c>
      <c r="T156" s="134">
        <v>0.113</v>
      </c>
      <c r="U156" s="97">
        <v>2.1103533638001343E-2</v>
      </c>
      <c r="V156" s="134">
        <v>9.6000000000000002E-2</v>
      </c>
      <c r="W156" s="97">
        <v>1.9669704593227508E-2</v>
      </c>
    </row>
    <row r="157" spans="1:33">
      <c r="A157" s="53" t="s">
        <v>440</v>
      </c>
      <c r="B157" s="83">
        <v>719</v>
      </c>
      <c r="C157" s="84">
        <v>3.61</v>
      </c>
      <c r="D157" s="85">
        <v>0.1176</v>
      </c>
      <c r="E157" s="132">
        <v>0.436</v>
      </c>
      <c r="F157" s="94">
        <v>3.6913409144005753E-2</v>
      </c>
      <c r="G157" s="132">
        <v>0.20300000000000001</v>
      </c>
      <c r="H157" s="94">
        <v>3.0029134293083425E-2</v>
      </c>
      <c r="I157" s="132">
        <v>0.29099999999999998</v>
      </c>
      <c r="J157" s="94">
        <v>3.3848420404457409E-2</v>
      </c>
      <c r="K157" s="132">
        <v>7.0000000000000007E-2</v>
      </c>
      <c r="L157" s="94">
        <v>1.9286881888815201E-2</v>
      </c>
      <c r="M157" s="83">
        <v>723</v>
      </c>
      <c r="N157" s="84">
        <v>5.25</v>
      </c>
      <c r="O157" s="85">
        <v>0.1176</v>
      </c>
      <c r="P157" s="132">
        <v>0.432</v>
      </c>
      <c r="Q157" s="94">
        <v>3.6747155938958623E-2</v>
      </c>
      <c r="R157" s="132">
        <v>0.38</v>
      </c>
      <c r="S157" s="94">
        <v>3.601604590402252E-2</v>
      </c>
      <c r="T157" s="132">
        <v>0.13200000000000001</v>
      </c>
      <c r="U157" s="94">
        <v>2.5270163146253084E-2</v>
      </c>
      <c r="V157" s="132">
        <v>5.6000000000000001E-2</v>
      </c>
      <c r="W157" s="94">
        <v>1.7400112515568337E-2</v>
      </c>
    </row>
    <row r="158" spans="1:33" ht="25.5">
      <c r="A158" s="49" t="s">
        <v>453</v>
      </c>
      <c r="B158" s="133">
        <v>136</v>
      </c>
      <c r="C158" s="118">
        <v>3.54</v>
      </c>
      <c r="D158" s="119">
        <v>0.31359999999999999</v>
      </c>
      <c r="E158" s="134">
        <v>0.38400000000000001</v>
      </c>
      <c r="F158" s="97">
        <v>8.2341090210333256E-2</v>
      </c>
      <c r="G158" s="134">
        <v>0.184</v>
      </c>
      <c r="H158" s="97">
        <v>6.6712291015934622E-2</v>
      </c>
      <c r="I158" s="134">
        <v>0.25700000000000001</v>
      </c>
      <c r="J158" s="97">
        <v>7.4503504290761371E-2</v>
      </c>
      <c r="K158" s="134">
        <v>0.17599999999999999</v>
      </c>
      <c r="L158" s="97">
        <v>6.5669504528912709E-2</v>
      </c>
      <c r="M158" s="133">
        <v>136</v>
      </c>
      <c r="N158" s="118">
        <v>5.42</v>
      </c>
      <c r="O158" s="119">
        <v>0.25480000000000003</v>
      </c>
      <c r="P158" s="134">
        <v>0.42399999999999999</v>
      </c>
      <c r="Q158" s="97">
        <v>8.3589018766277168E-2</v>
      </c>
      <c r="R158" s="134">
        <v>0.39</v>
      </c>
      <c r="S158" s="97">
        <v>8.2562798786379774E-2</v>
      </c>
      <c r="T158" s="134">
        <v>6.3E-2</v>
      </c>
      <c r="U158" s="97">
        <v>4.4653466102704979E-2</v>
      </c>
      <c r="V158" s="134">
        <v>0.124</v>
      </c>
      <c r="W158" s="97">
        <v>5.7715365518288285E-2</v>
      </c>
    </row>
    <row r="159" spans="1:33">
      <c r="A159" s="53" t="s">
        <v>441</v>
      </c>
      <c r="B159" s="83">
        <v>79</v>
      </c>
      <c r="C159" s="84">
        <v>3.1</v>
      </c>
      <c r="D159" s="85">
        <v>0.41159999999999997</v>
      </c>
      <c r="E159" s="132">
        <v>0.495</v>
      </c>
      <c r="F159" s="94">
        <v>0.10975928790185216</v>
      </c>
      <c r="G159" s="132">
        <v>0.11600000000000001</v>
      </c>
      <c r="H159" s="94">
        <v>7.4902073765480928E-2</v>
      </c>
      <c r="I159" s="132">
        <v>0.154</v>
      </c>
      <c r="J159" s="94">
        <v>8.2591999375170699E-2</v>
      </c>
      <c r="K159" s="132">
        <v>0.23499999999999999</v>
      </c>
      <c r="L159" s="94">
        <v>9.4774449839311992E-2</v>
      </c>
      <c r="M159" s="83">
        <v>79</v>
      </c>
      <c r="N159" s="84">
        <v>5.5</v>
      </c>
      <c r="O159" s="85">
        <v>0.3528</v>
      </c>
      <c r="P159" s="132">
        <v>0.44800000000000001</v>
      </c>
      <c r="Q159" s="94">
        <v>0.1092251673079879</v>
      </c>
      <c r="R159" s="132">
        <v>0.32800000000000001</v>
      </c>
      <c r="S159" s="94">
        <v>0.10371386954267568</v>
      </c>
      <c r="T159" s="132">
        <v>6.3E-2</v>
      </c>
      <c r="U159" s="94">
        <v>6.0914364876727821E-2</v>
      </c>
      <c r="V159" s="132">
        <v>0.16</v>
      </c>
      <c r="W159" s="94">
        <v>8.367282315123703E-2</v>
      </c>
    </row>
    <row r="160" spans="1:33">
      <c r="A160" s="49" t="s">
        <v>446</v>
      </c>
      <c r="B160" s="133">
        <v>164</v>
      </c>
      <c r="C160" s="118">
        <v>3.89</v>
      </c>
      <c r="D160" s="119">
        <v>0.25480000000000003</v>
      </c>
      <c r="E160" s="134">
        <v>0.34</v>
      </c>
      <c r="F160" s="97">
        <v>7.3072468380008637E-2</v>
      </c>
      <c r="G160" s="134">
        <v>0.21299999999999999</v>
      </c>
      <c r="H160" s="97">
        <v>6.3708652822433182E-2</v>
      </c>
      <c r="I160" s="134">
        <v>0.35299999999999998</v>
      </c>
      <c r="J160" s="97">
        <v>7.3686013186146149E-2</v>
      </c>
      <c r="K160" s="134">
        <v>9.4E-2</v>
      </c>
      <c r="L160" s="97">
        <v>4.6885115971123E-2</v>
      </c>
      <c r="M160" s="133">
        <v>165</v>
      </c>
      <c r="N160" s="118">
        <v>4.8099999999999996</v>
      </c>
      <c r="O160" s="119">
        <v>0.23519999999999999</v>
      </c>
      <c r="P160" s="134">
        <v>0.23499999999999999</v>
      </c>
      <c r="Q160" s="97">
        <v>6.5823849564562747E-2</v>
      </c>
      <c r="R160" s="134">
        <v>0.46099999999999997</v>
      </c>
      <c r="S160" s="97">
        <v>7.6699698421599793E-2</v>
      </c>
      <c r="T160" s="134">
        <v>0.11699999999999999</v>
      </c>
      <c r="U160" s="97">
        <v>5.1065031552243519E-2</v>
      </c>
      <c r="V160" s="134">
        <v>0.187</v>
      </c>
      <c r="W160" s="97">
        <v>6.0883768034657788E-2</v>
      </c>
    </row>
    <row r="161" spans="1:23">
      <c r="A161" s="53" t="s">
        <v>447</v>
      </c>
      <c r="B161" s="83">
        <v>113</v>
      </c>
      <c r="C161" s="84">
        <v>4.08</v>
      </c>
      <c r="D161" s="85">
        <v>0.3332</v>
      </c>
      <c r="E161" s="132">
        <v>0.33300000000000002</v>
      </c>
      <c r="F161" s="94">
        <v>8.7507819997920219E-2</v>
      </c>
      <c r="G161" s="132">
        <v>0.16900000000000001</v>
      </c>
      <c r="H161" s="94">
        <v>7.1084948135705914E-2</v>
      </c>
      <c r="I161" s="132">
        <v>0.46800000000000003</v>
      </c>
      <c r="J161" s="94">
        <v>9.2273250880497412E-2</v>
      </c>
      <c r="K161" s="132">
        <v>0.03</v>
      </c>
      <c r="L161" s="94">
        <v>3.8761193385171873E-2</v>
      </c>
      <c r="M161" s="83">
        <v>113</v>
      </c>
      <c r="N161" s="84">
        <v>5.18</v>
      </c>
      <c r="O161" s="85">
        <v>0.31359999999999999</v>
      </c>
      <c r="P161" s="132">
        <v>0.36899999999999999</v>
      </c>
      <c r="Q161" s="94">
        <v>8.9441255812882023E-2</v>
      </c>
      <c r="R161" s="132">
        <v>0.47199999999999998</v>
      </c>
      <c r="S161" s="94">
        <v>9.2314714494412559E-2</v>
      </c>
      <c r="T161" s="132">
        <v>0.129</v>
      </c>
      <c r="U161" s="94">
        <v>6.447936730678E-2</v>
      </c>
      <c r="V161" s="132">
        <v>0.03</v>
      </c>
      <c r="W161" s="94">
        <v>3.8761193385171873E-2</v>
      </c>
    </row>
    <row r="162" spans="1:23">
      <c r="A162" s="49" t="s">
        <v>442</v>
      </c>
      <c r="B162" s="133">
        <v>79</v>
      </c>
      <c r="C162" s="118">
        <v>3.33</v>
      </c>
      <c r="D162" s="119">
        <v>0.37240000000000001</v>
      </c>
      <c r="E162" s="134">
        <v>0.46</v>
      </c>
      <c r="F162" s="97">
        <v>0.10944559099330342</v>
      </c>
      <c r="G162" s="134">
        <v>0.23100000000000001</v>
      </c>
      <c r="H162" s="97">
        <v>9.4281172063979665E-2</v>
      </c>
      <c r="I162" s="134">
        <v>0.27700000000000002</v>
      </c>
      <c r="J162" s="97">
        <v>9.9383317519972383E-2</v>
      </c>
      <c r="K162" s="134">
        <v>3.2000000000000001E-2</v>
      </c>
      <c r="L162" s="97">
        <v>4.9856688250894093E-2</v>
      </c>
      <c r="M162" s="133">
        <v>79</v>
      </c>
      <c r="N162" s="118">
        <v>5.61</v>
      </c>
      <c r="O162" s="119">
        <v>0.3332</v>
      </c>
      <c r="P162" s="134">
        <v>0.53200000000000003</v>
      </c>
      <c r="Q162" s="97">
        <v>0.10956041860922845</v>
      </c>
      <c r="R162" s="134">
        <v>0.39900000000000002</v>
      </c>
      <c r="S162" s="97">
        <v>0.10771639171222021</v>
      </c>
      <c r="T162" s="134">
        <v>3.8000000000000006E-2</v>
      </c>
      <c r="U162" s="97">
        <v>5.2242798664455067E-2</v>
      </c>
      <c r="V162" s="134">
        <v>3.2000000000000001E-2</v>
      </c>
      <c r="W162" s="97">
        <v>4.9856688250894093E-2</v>
      </c>
    </row>
    <row r="163" spans="1:23">
      <c r="A163" s="45" t="s">
        <v>448</v>
      </c>
      <c r="B163" s="131">
        <v>291</v>
      </c>
      <c r="C163" s="115">
        <v>3.44</v>
      </c>
      <c r="D163" s="116">
        <v>0.1764</v>
      </c>
      <c r="E163" s="132">
        <v>0.48</v>
      </c>
      <c r="F163" s="94">
        <v>5.8375136947865093E-2</v>
      </c>
      <c r="G163" s="132">
        <v>0.22900000000000001</v>
      </c>
      <c r="H163" s="94">
        <v>4.9371549135732579E-2</v>
      </c>
      <c r="I163" s="132">
        <v>0.23799999999999999</v>
      </c>
      <c r="J163" s="94">
        <v>5.0012618949355749E-2</v>
      </c>
      <c r="K163" s="132">
        <v>5.1999999999999998E-2</v>
      </c>
      <c r="L163" s="94">
        <v>2.7336499182720728E-2</v>
      </c>
      <c r="M163" s="131">
        <v>292</v>
      </c>
      <c r="N163" s="115">
        <v>5.29</v>
      </c>
      <c r="O163" s="116">
        <v>0.1764</v>
      </c>
      <c r="P163" s="132">
        <v>0.47399999999999998</v>
      </c>
      <c r="Q163" s="94">
        <v>5.8047295118500562E-2</v>
      </c>
      <c r="R163" s="132">
        <v>0.32600000000000001</v>
      </c>
      <c r="S163" s="94">
        <v>5.4591448372122521E-2</v>
      </c>
      <c r="T163" s="132">
        <v>0.14200000000000002</v>
      </c>
      <c r="U163" s="94">
        <v>4.1145175937547185E-2</v>
      </c>
      <c r="V163" s="132">
        <v>5.8000000000000003E-2</v>
      </c>
      <c r="W163" s="94">
        <v>2.8446353421829395E-2</v>
      </c>
    </row>
    <row r="164" spans="1:23" ht="25.5">
      <c r="A164" s="49" t="s">
        <v>443</v>
      </c>
      <c r="B164" s="133">
        <v>127</v>
      </c>
      <c r="C164" s="118">
        <v>3.57</v>
      </c>
      <c r="D164" s="119">
        <v>0.25480000000000003</v>
      </c>
      <c r="E164" s="134">
        <v>0.44800000000000001</v>
      </c>
      <c r="F164" s="97">
        <v>8.7259090776130158E-2</v>
      </c>
      <c r="G164" s="134">
        <v>0.217</v>
      </c>
      <c r="H164" s="97">
        <v>7.3330386175451678E-2</v>
      </c>
      <c r="I164" s="134">
        <v>0.28000000000000003</v>
      </c>
      <c r="J164" s="97">
        <v>7.9330397521185841E-2</v>
      </c>
      <c r="K164" s="134">
        <v>5.5E-2</v>
      </c>
      <c r="L164" s="97">
        <v>4.4366888053770287E-2</v>
      </c>
      <c r="M164" s="133">
        <v>127</v>
      </c>
      <c r="N164" s="118">
        <v>5.39</v>
      </c>
      <c r="O164" s="119">
        <v>0.25480000000000003</v>
      </c>
      <c r="P164" s="134">
        <v>0.48099999999999998</v>
      </c>
      <c r="Q164" s="97">
        <v>8.7311097591183828E-2</v>
      </c>
      <c r="R164" s="134">
        <v>0.35000000000000003</v>
      </c>
      <c r="S164" s="97">
        <v>8.3593540055579771E-2</v>
      </c>
      <c r="T164" s="134">
        <v>0.11399999999999999</v>
      </c>
      <c r="U164" s="97">
        <v>5.7945506501695637E-2</v>
      </c>
      <c r="V164" s="134">
        <v>5.3999999999999999E-2</v>
      </c>
      <c r="W164" s="97">
        <v>4.3875633860618636E-2</v>
      </c>
    </row>
    <row r="165" spans="1:23" ht="25.5">
      <c r="A165" s="53" t="s">
        <v>444</v>
      </c>
      <c r="B165" s="83">
        <v>81</v>
      </c>
      <c r="C165" s="84">
        <v>3.08</v>
      </c>
      <c r="D165" s="85">
        <v>0.37240000000000001</v>
      </c>
      <c r="E165" s="132">
        <v>0.58199999999999996</v>
      </c>
      <c r="F165" s="94">
        <v>0.10776984598734296</v>
      </c>
      <c r="G165" s="132">
        <v>0.23400000000000001</v>
      </c>
      <c r="H165" s="94">
        <v>9.4067408004458425E-2</v>
      </c>
      <c r="I165" s="132">
        <v>0.16400000000000001</v>
      </c>
      <c r="J165" s="94">
        <v>8.3836575720692627E-2</v>
      </c>
      <c r="K165" s="132">
        <v>2.1000000000000001E-2</v>
      </c>
      <c r="L165" s="94">
        <v>4.4662890440822174E-2</v>
      </c>
      <c r="M165" s="83">
        <v>81</v>
      </c>
      <c r="N165" s="84">
        <v>4.83</v>
      </c>
      <c r="O165" s="85">
        <v>0.3528</v>
      </c>
      <c r="P165" s="132">
        <v>0.42199999999999999</v>
      </c>
      <c r="Q165" s="94">
        <v>0.10726002238578104</v>
      </c>
      <c r="R165" s="132">
        <v>0.29299999999999998</v>
      </c>
      <c r="S165" s="94">
        <v>9.9667436782600954E-2</v>
      </c>
      <c r="T165" s="132">
        <v>0.26500000000000001</v>
      </c>
      <c r="U165" s="94">
        <v>9.6977947640255732E-2</v>
      </c>
      <c r="V165" s="132">
        <v>0.02</v>
      </c>
      <c r="W165" s="94">
        <v>4.3804097315017852E-2</v>
      </c>
    </row>
    <row r="166" spans="1:23">
      <c r="A166" s="49" t="s">
        <v>445</v>
      </c>
      <c r="B166" s="133">
        <v>83</v>
      </c>
      <c r="C166" s="118">
        <v>3.54</v>
      </c>
      <c r="D166" s="119">
        <v>0.3332</v>
      </c>
      <c r="E166" s="134">
        <v>0.44800000000000001</v>
      </c>
      <c r="F166" s="97">
        <v>0.10668223903531406</v>
      </c>
      <c r="G166" s="134">
        <v>0.24</v>
      </c>
      <c r="H166" s="97">
        <v>9.3088313843252737E-2</v>
      </c>
      <c r="I166" s="134">
        <v>0.23799999999999999</v>
      </c>
      <c r="J166" s="97">
        <v>9.2853360201853988E-2</v>
      </c>
      <c r="K166" s="134">
        <v>7.3999999999999996E-2</v>
      </c>
      <c r="L166" s="97">
        <v>6.245102127774204E-2</v>
      </c>
      <c r="M166" s="133">
        <v>84</v>
      </c>
      <c r="N166" s="118">
        <v>5.53</v>
      </c>
      <c r="O166" s="119">
        <v>0.3528</v>
      </c>
      <c r="P166" s="134">
        <v>0.505</v>
      </c>
      <c r="Q166" s="97">
        <v>0.10659550158391475</v>
      </c>
      <c r="R166" s="134">
        <v>0.316</v>
      </c>
      <c r="S166" s="97">
        <v>9.980705653878455E-2</v>
      </c>
      <c r="T166" s="134">
        <v>8.6999999999999994E-2</v>
      </c>
      <c r="U166" s="97">
        <v>6.5569136807861236E-2</v>
      </c>
      <c r="V166" s="134">
        <v>9.0999999999999998E-2</v>
      </c>
      <c r="W166" s="97">
        <v>6.6599461414535752E-2</v>
      </c>
    </row>
    <row r="167" spans="1:23">
      <c r="A167" s="57" t="s">
        <v>449</v>
      </c>
      <c r="B167" s="131">
        <v>108</v>
      </c>
      <c r="C167" s="115">
        <v>3.54</v>
      </c>
      <c r="D167" s="116">
        <v>0.29399999999999998</v>
      </c>
      <c r="E167" s="132">
        <v>0.45</v>
      </c>
      <c r="F167" s="94">
        <v>9.4050780860482353E-2</v>
      </c>
      <c r="G167" s="132">
        <v>0.23499999999999999</v>
      </c>
      <c r="H167" s="94">
        <v>8.1218729966081149E-2</v>
      </c>
      <c r="I167" s="132">
        <v>0.28499999999999998</v>
      </c>
      <c r="J167" s="94">
        <v>8.5985427597417854E-2</v>
      </c>
      <c r="K167" s="132">
        <v>0.03</v>
      </c>
      <c r="L167" s="94">
        <v>3.9909187639157635E-2</v>
      </c>
      <c r="M167" s="131">
        <v>109</v>
      </c>
      <c r="N167" s="115">
        <v>5.53</v>
      </c>
      <c r="O167" s="116">
        <v>0.25480000000000003</v>
      </c>
      <c r="P167" s="132">
        <v>0.57599999999999996</v>
      </c>
      <c r="Q167" s="94">
        <v>9.305544694544049E-2</v>
      </c>
      <c r="R167" s="132">
        <v>0.307</v>
      </c>
      <c r="S167" s="94">
        <v>8.7308105241808071E-2</v>
      </c>
      <c r="T167" s="132">
        <v>8.6999999999999994E-2</v>
      </c>
      <c r="U167" s="94">
        <v>5.6847242145203779E-2</v>
      </c>
      <c r="V167" s="132">
        <v>0.03</v>
      </c>
      <c r="W167" s="94">
        <v>3.9672171066684428E-2</v>
      </c>
    </row>
    <row r="168" spans="1:23">
      <c r="A168" s="49" t="s">
        <v>454</v>
      </c>
      <c r="B168" s="133">
        <v>83</v>
      </c>
      <c r="C168" s="118">
        <v>3.24</v>
      </c>
      <c r="D168" s="119">
        <v>0.3528</v>
      </c>
      <c r="E168" s="134">
        <v>0.497</v>
      </c>
      <c r="F168" s="97">
        <v>0.10720949704055625</v>
      </c>
      <c r="G168" s="134">
        <v>0.26700000000000002</v>
      </c>
      <c r="H168" s="97">
        <v>9.603359833979748E-2</v>
      </c>
      <c r="I168" s="134">
        <v>0.152</v>
      </c>
      <c r="J168" s="97">
        <v>8.0165346369991383E-2</v>
      </c>
      <c r="K168" s="134">
        <v>8.4000000000000005E-2</v>
      </c>
      <c r="L168" s="97">
        <v>6.5211019031617468E-2</v>
      </c>
      <c r="M168" s="133">
        <v>84</v>
      </c>
      <c r="N168" s="118">
        <v>5.41</v>
      </c>
      <c r="O168" s="119">
        <v>0.3528</v>
      </c>
      <c r="P168" s="134">
        <v>0.44500000000000001</v>
      </c>
      <c r="Q168" s="97">
        <v>0.10601109504541151</v>
      </c>
      <c r="R168" s="134">
        <v>0.374</v>
      </c>
      <c r="S168" s="97">
        <v>0.10347034513116661</v>
      </c>
      <c r="T168" s="134">
        <v>0.11599999999999999</v>
      </c>
      <c r="U168" s="97">
        <v>7.2502172303526735E-2</v>
      </c>
      <c r="V168" s="134">
        <v>6.5000000000000002E-2</v>
      </c>
      <c r="W168" s="97">
        <v>5.9385608902353032E-2</v>
      </c>
    </row>
  </sheetData>
  <mergeCells count="21">
    <mergeCell ref="A3:D3"/>
    <mergeCell ref="A4:D4"/>
    <mergeCell ref="A5:D5"/>
    <mergeCell ref="A32:Q32"/>
    <mergeCell ref="A33:Q33"/>
    <mergeCell ref="B34:H34"/>
    <mergeCell ref="I34:Q34"/>
    <mergeCell ref="A90:D90"/>
    <mergeCell ref="A91:D91"/>
    <mergeCell ref="A92:D92"/>
    <mergeCell ref="B63:H63"/>
    <mergeCell ref="A62:H62"/>
    <mergeCell ref="A61:H61"/>
    <mergeCell ref="B150:L150"/>
    <mergeCell ref="M150:W150"/>
    <mergeCell ref="A149:W149"/>
    <mergeCell ref="A148:W148"/>
    <mergeCell ref="A119:S119"/>
    <mergeCell ref="A120:S120"/>
    <mergeCell ref="K121:S121"/>
    <mergeCell ref="B121:J121"/>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197"/>
  <sheetViews>
    <sheetView zoomScaleNormal="100" workbookViewId="0">
      <selection activeCell="A178" sqref="A178:J178"/>
    </sheetView>
  </sheetViews>
  <sheetFormatPr defaultColWidth="16.5703125" defaultRowHeight="15"/>
  <cols>
    <col min="1" max="1" width="42.28515625" customWidth="1"/>
  </cols>
  <sheetData>
    <row r="1" spans="1:15" ht="31.5">
      <c r="A1" s="33" t="s">
        <v>41</v>
      </c>
    </row>
    <row r="3" spans="1:15" ht="18.75">
      <c r="A3" s="316" t="s">
        <v>3</v>
      </c>
      <c r="B3" s="316"/>
      <c r="C3" s="316"/>
      <c r="D3" s="316"/>
      <c r="E3" s="316"/>
      <c r="F3" s="316"/>
      <c r="G3" s="316"/>
      <c r="H3" s="316"/>
      <c r="I3" s="316"/>
      <c r="J3" s="316"/>
      <c r="K3" s="316"/>
      <c r="L3" s="316"/>
      <c r="M3" s="316"/>
      <c r="N3" s="316"/>
      <c r="O3" s="316"/>
    </row>
    <row r="4" spans="1:15" ht="40.5" customHeight="1">
      <c r="A4" s="360" t="s">
        <v>477</v>
      </c>
      <c r="B4" s="360"/>
      <c r="C4" s="360"/>
      <c r="D4" s="360"/>
      <c r="E4" s="360"/>
      <c r="F4" s="360"/>
      <c r="G4" s="360"/>
      <c r="H4" s="360"/>
      <c r="I4" s="360"/>
      <c r="J4" s="360"/>
      <c r="K4" s="360"/>
      <c r="L4" s="360"/>
      <c r="M4" s="360"/>
      <c r="N4" s="360"/>
      <c r="O4" s="360"/>
    </row>
    <row r="5" spans="1:15" ht="34.5" customHeight="1">
      <c r="A5" s="364" t="s">
        <v>135</v>
      </c>
      <c r="B5" s="364"/>
      <c r="C5" s="364"/>
      <c r="D5" s="364"/>
      <c r="E5" s="361" t="s">
        <v>31</v>
      </c>
      <c r="F5" s="361"/>
      <c r="G5" s="361"/>
      <c r="H5" s="361"/>
      <c r="I5" s="361"/>
      <c r="J5" s="361"/>
      <c r="K5" s="361"/>
      <c r="L5" s="361"/>
      <c r="M5" s="361"/>
      <c r="N5" s="361"/>
      <c r="O5" s="361"/>
    </row>
    <row r="6" spans="1:15" ht="39" customHeight="1">
      <c r="A6" s="37" t="s">
        <v>85</v>
      </c>
      <c r="B6" s="38" t="s">
        <v>86</v>
      </c>
      <c r="C6" s="39" t="s">
        <v>87</v>
      </c>
      <c r="D6" s="40" t="s">
        <v>88</v>
      </c>
      <c r="E6" s="65" t="s">
        <v>86</v>
      </c>
      <c r="F6" s="65" t="s">
        <v>363</v>
      </c>
      <c r="G6" s="88" t="s">
        <v>162</v>
      </c>
      <c r="H6" s="65" t="s">
        <v>364</v>
      </c>
      <c r="I6" s="88" t="s">
        <v>223</v>
      </c>
      <c r="J6" s="65" t="s">
        <v>365</v>
      </c>
      <c r="K6" s="88" t="s">
        <v>225</v>
      </c>
      <c r="L6" s="65" t="s">
        <v>366</v>
      </c>
      <c r="M6" s="88" t="s">
        <v>226</v>
      </c>
      <c r="N6" s="65" t="s">
        <v>367</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6</v>
      </c>
      <c r="B8" s="135">
        <v>8917</v>
      </c>
      <c r="C8" s="136">
        <v>3.25</v>
      </c>
      <c r="D8" s="128">
        <v>1.9599999999999999E-2</v>
      </c>
      <c r="E8" s="120">
        <v>8917</v>
      </c>
      <c r="F8" s="137">
        <v>0.05</v>
      </c>
      <c r="G8" s="94">
        <v>4.6237934270870803E-3</v>
      </c>
      <c r="H8" s="138">
        <v>0.182</v>
      </c>
      <c r="I8" s="94">
        <v>8.1727416690349861E-3</v>
      </c>
      <c r="J8" s="138">
        <v>0.33</v>
      </c>
      <c r="K8" s="94">
        <v>9.9573332700060076E-3</v>
      </c>
      <c r="L8" s="138">
        <v>0.33800000000000002</v>
      </c>
      <c r="M8" s="94">
        <v>1.0016901517968137E-2</v>
      </c>
      <c r="N8" s="138">
        <v>9.9000000000000005E-2</v>
      </c>
      <c r="O8" s="94">
        <v>6.3292740295217663E-3</v>
      </c>
    </row>
    <row r="9" spans="1:15">
      <c r="A9" s="49" t="s">
        <v>437</v>
      </c>
      <c r="B9" s="139">
        <v>8330</v>
      </c>
      <c r="C9" s="140">
        <v>3.26</v>
      </c>
      <c r="D9" s="130">
        <v>1.9599999999999999E-2</v>
      </c>
      <c r="E9" s="123">
        <v>8330</v>
      </c>
      <c r="F9" s="141">
        <v>0.05</v>
      </c>
      <c r="G9" s="97">
        <v>4.7845011054731337E-3</v>
      </c>
      <c r="H9" s="142">
        <v>0.182</v>
      </c>
      <c r="I9" s="97">
        <v>8.4558466709438972E-3</v>
      </c>
      <c r="J9" s="142">
        <v>0.33</v>
      </c>
      <c r="K9" s="97">
        <v>1.0302078539466658E-2</v>
      </c>
      <c r="L9" s="142">
        <v>0.33600000000000002</v>
      </c>
      <c r="M9" s="97">
        <v>1.0348610641627292E-2</v>
      </c>
      <c r="N9" s="142">
        <v>0.10100000000000001</v>
      </c>
      <c r="O9" s="97">
        <v>6.6070692504178515E-3</v>
      </c>
    </row>
    <row r="10" spans="1:15">
      <c r="A10" s="53" t="s">
        <v>438</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9</v>
      </c>
      <c r="B11" s="139">
        <v>761</v>
      </c>
      <c r="C11" s="140">
        <v>3.16</v>
      </c>
      <c r="D11" s="130">
        <v>7.8399999999999997E-2</v>
      </c>
      <c r="E11" s="123">
        <v>761</v>
      </c>
      <c r="F11" s="141">
        <v>4.8000000000000001E-2</v>
      </c>
      <c r="G11" s="97">
        <v>1.5813773555509718E-2</v>
      </c>
      <c r="H11" s="142">
        <v>0.2</v>
      </c>
      <c r="I11" s="97">
        <v>2.9008785315978676E-2</v>
      </c>
      <c r="J11" s="142">
        <v>0.35499999999999998</v>
      </c>
      <c r="K11" s="97">
        <v>3.4617936675327317E-2</v>
      </c>
      <c r="L11" s="142">
        <v>0.33200000000000002</v>
      </c>
      <c r="M11" s="97">
        <v>3.4075685180495821E-2</v>
      </c>
      <c r="N11" s="142">
        <v>6.4000000000000001E-2</v>
      </c>
      <c r="O11" s="97">
        <v>1.7988628916385228E-2</v>
      </c>
    </row>
    <row r="12" spans="1:15">
      <c r="A12" s="53" t="s">
        <v>440</v>
      </c>
      <c r="B12" s="54">
        <v>681</v>
      </c>
      <c r="C12" s="55">
        <v>3.15</v>
      </c>
      <c r="D12" s="56">
        <v>7.8399999999999997E-2</v>
      </c>
      <c r="E12" s="83">
        <v>681</v>
      </c>
      <c r="F12" s="98">
        <v>3.9E-2</v>
      </c>
      <c r="G12" s="94">
        <v>1.5274376305565432E-2</v>
      </c>
      <c r="H12" s="98">
        <v>0.21099999999999999</v>
      </c>
      <c r="I12" s="94">
        <v>3.1270104635739579E-2</v>
      </c>
      <c r="J12" s="98">
        <v>0.36699999999999999</v>
      </c>
      <c r="K12" s="94">
        <v>3.684784129901042E-2</v>
      </c>
      <c r="L12" s="98">
        <v>0.32400000000000001</v>
      </c>
      <c r="M12" s="94">
        <v>3.5792158115140686E-2</v>
      </c>
      <c r="N12" s="98">
        <v>5.8999999999999997E-2</v>
      </c>
      <c r="O12" s="94">
        <v>1.8369075788089047E-2</v>
      </c>
    </row>
    <row r="13" spans="1:15">
      <c r="A13" s="49" t="s">
        <v>453</v>
      </c>
      <c r="B13" s="139">
        <v>127</v>
      </c>
      <c r="C13" s="140">
        <v>3.39</v>
      </c>
      <c r="D13" s="130">
        <v>0.1764</v>
      </c>
      <c r="E13" s="123">
        <v>127</v>
      </c>
      <c r="F13" s="141">
        <v>3.5000000000000003E-2</v>
      </c>
      <c r="G13" s="97">
        <v>3.7793324467745096E-2</v>
      </c>
      <c r="H13" s="142">
        <v>0.17100000000000001</v>
      </c>
      <c r="I13" s="97">
        <v>6.7285019662856771E-2</v>
      </c>
      <c r="J13" s="142">
        <v>0.23799999999999999</v>
      </c>
      <c r="K13" s="97">
        <v>7.5257116525855941E-2</v>
      </c>
      <c r="L13" s="142">
        <v>0.47899999999999998</v>
      </c>
      <c r="M13" s="97">
        <v>8.7297949073582043E-2</v>
      </c>
      <c r="N13" s="142">
        <v>7.5999999999999998E-2</v>
      </c>
      <c r="O13" s="97">
        <v>4.9742872742932577E-2</v>
      </c>
    </row>
    <row r="14" spans="1:15">
      <c r="A14" s="53" t="s">
        <v>441</v>
      </c>
      <c r="B14" s="54">
        <v>75</v>
      </c>
      <c r="C14" s="55">
        <v>3.19</v>
      </c>
      <c r="D14" s="56">
        <v>0.23519999999999999</v>
      </c>
      <c r="E14" s="83">
        <v>75</v>
      </c>
      <c r="F14" s="98">
        <v>3.6999999999999998E-2</v>
      </c>
      <c r="G14" s="94">
        <v>5.3623005234540139E-2</v>
      </c>
      <c r="H14" s="98">
        <v>0.255</v>
      </c>
      <c r="I14" s="94">
        <v>9.9594010144070752E-2</v>
      </c>
      <c r="J14" s="98">
        <v>0.26500000000000001</v>
      </c>
      <c r="K14" s="94">
        <v>0.10068771754900852</v>
      </c>
      <c r="L14" s="98">
        <v>0.371</v>
      </c>
      <c r="M14" s="94">
        <v>0.10908166773618326</v>
      </c>
      <c r="N14" s="98">
        <v>7.1999999999999995E-2</v>
      </c>
      <c r="O14" s="94">
        <v>6.5563439633626569E-2</v>
      </c>
    </row>
    <row r="15" spans="1:15">
      <c r="A15" s="49" t="s">
        <v>446</v>
      </c>
      <c r="B15" s="139">
        <v>84</v>
      </c>
      <c r="C15" s="140">
        <v>2.79</v>
      </c>
      <c r="D15" s="130">
        <v>0.23519999999999999</v>
      </c>
      <c r="E15" s="123">
        <v>84</v>
      </c>
      <c r="F15" s="141">
        <v>9.5000000000000001E-2</v>
      </c>
      <c r="G15" s="97">
        <v>6.7604286109503878E-2</v>
      </c>
      <c r="H15" s="142">
        <v>0.31</v>
      </c>
      <c r="I15" s="97">
        <v>9.9340377080053471E-2</v>
      </c>
      <c r="J15" s="142">
        <v>0.35799999999999998</v>
      </c>
      <c r="K15" s="97">
        <v>0.1026085743697125</v>
      </c>
      <c r="L15" s="142">
        <v>0.185</v>
      </c>
      <c r="M15" s="97">
        <v>8.5171069622708054E-2</v>
      </c>
      <c r="N15" s="142">
        <v>5.0999999999999997E-2</v>
      </c>
      <c r="O15" s="97">
        <v>5.4900667591829426E-2</v>
      </c>
    </row>
    <row r="16" spans="1:15">
      <c r="A16" s="53" t="s">
        <v>447</v>
      </c>
      <c r="B16" s="54">
        <v>104</v>
      </c>
      <c r="C16" s="55">
        <v>3.15</v>
      </c>
      <c r="D16" s="56">
        <v>0.19600000000000001</v>
      </c>
      <c r="E16" s="83">
        <v>104</v>
      </c>
      <c r="F16" s="98">
        <v>3.2000000000000001E-2</v>
      </c>
      <c r="G16" s="94">
        <v>4.1677578818013018E-2</v>
      </c>
      <c r="H16" s="98">
        <v>0.24199999999999999</v>
      </c>
      <c r="I16" s="94">
        <v>8.3505457356521928E-2</v>
      </c>
      <c r="J16" s="98">
        <v>0.32300000000000001</v>
      </c>
      <c r="K16" s="94">
        <v>9.0461510406979306E-2</v>
      </c>
      <c r="L16" s="98">
        <v>0.35099999999999998</v>
      </c>
      <c r="M16" s="94">
        <v>9.217798091532034E-2</v>
      </c>
      <c r="N16" s="98">
        <v>5.1999999999999998E-2</v>
      </c>
      <c r="O16" s="94">
        <v>4.8643696570828017E-2</v>
      </c>
    </row>
    <row r="17" spans="1:19">
      <c r="A17" s="49" t="s">
        <v>442</v>
      </c>
      <c r="B17" s="139">
        <v>74</v>
      </c>
      <c r="C17" s="140">
        <v>3.23</v>
      </c>
      <c r="D17" s="130">
        <v>0.21559999999999999</v>
      </c>
      <c r="E17" s="123">
        <v>74</v>
      </c>
      <c r="F17" s="141">
        <v>3.1E-2</v>
      </c>
      <c r="G17" s="97">
        <v>5.1650024646054754E-2</v>
      </c>
      <c r="H17" s="142">
        <v>0.189</v>
      </c>
      <c r="I17" s="97">
        <v>9.141192789809155E-2</v>
      </c>
      <c r="J17" s="142">
        <v>0.374</v>
      </c>
      <c r="K17" s="97">
        <v>0.10994417143003447</v>
      </c>
      <c r="L17" s="142">
        <v>0.33200000000000002</v>
      </c>
      <c r="M17" s="97">
        <v>0.1073208810371957</v>
      </c>
      <c r="N17" s="142">
        <v>7.2999999999999995E-2</v>
      </c>
      <c r="O17" s="97">
        <v>6.6368015372531758E-2</v>
      </c>
    </row>
    <row r="18" spans="1:19">
      <c r="A18" s="45" t="s">
        <v>448</v>
      </c>
      <c r="B18" s="135">
        <v>271</v>
      </c>
      <c r="C18" s="136">
        <v>3.25</v>
      </c>
      <c r="D18" s="128">
        <v>0.1176</v>
      </c>
      <c r="E18" s="120">
        <v>271</v>
      </c>
      <c r="F18" s="137">
        <v>3.4000000000000002E-2</v>
      </c>
      <c r="G18" s="94">
        <v>2.3852675613069682E-2</v>
      </c>
      <c r="H18" s="138">
        <v>0.14399999999999999</v>
      </c>
      <c r="I18" s="94">
        <v>4.2967057467972455E-2</v>
      </c>
      <c r="J18" s="138">
        <v>0.42199999999999999</v>
      </c>
      <c r="K18" s="94">
        <v>5.9585440796162847E-2</v>
      </c>
      <c r="L18" s="138">
        <v>0.34300000000000003</v>
      </c>
      <c r="M18" s="94">
        <v>5.7342714122040332E-2</v>
      </c>
      <c r="N18" s="138">
        <v>5.8000000000000003E-2</v>
      </c>
      <c r="O18" s="94">
        <v>2.9610313474431417E-2</v>
      </c>
    </row>
    <row r="19" spans="1:19" ht="25.5">
      <c r="A19" s="49" t="s">
        <v>443</v>
      </c>
      <c r="B19" s="139">
        <v>120</v>
      </c>
      <c r="C19" s="140">
        <v>3.41</v>
      </c>
      <c r="D19" s="130">
        <v>0.15679999999999999</v>
      </c>
      <c r="E19" s="123">
        <v>120</v>
      </c>
      <c r="F19" s="141">
        <v>1.4999999999999999E-2</v>
      </c>
      <c r="G19" s="97">
        <v>3.0955762077526205E-2</v>
      </c>
      <c r="H19" s="142">
        <v>0.14499999999999999</v>
      </c>
      <c r="I19" s="97">
        <v>6.5247544935448626E-2</v>
      </c>
      <c r="J19" s="142">
        <v>0.35199999999999998</v>
      </c>
      <c r="K19" s="97">
        <v>8.6039444886236785E-2</v>
      </c>
      <c r="L19" s="142">
        <v>0.39600000000000002</v>
      </c>
      <c r="M19" s="97">
        <v>8.7964536752555986E-2</v>
      </c>
      <c r="N19" s="142">
        <v>9.1999999999999998E-2</v>
      </c>
      <c r="O19" s="97">
        <v>5.5095926124284343E-2</v>
      </c>
    </row>
    <row r="20" spans="1:19" ht="25.5">
      <c r="A20" s="53" t="s">
        <v>444</v>
      </c>
      <c r="B20" s="54">
        <v>74</v>
      </c>
      <c r="C20" s="55">
        <v>3.15</v>
      </c>
      <c r="D20" s="56">
        <v>0.21559999999999999</v>
      </c>
      <c r="E20" s="83">
        <v>74</v>
      </c>
      <c r="F20" s="98">
        <v>5.7000000000000002E-2</v>
      </c>
      <c r="G20" s="94">
        <v>6.1336815970028054E-2</v>
      </c>
      <c r="H20" s="98">
        <v>7.0000000000000007E-2</v>
      </c>
      <c r="I20" s="94">
        <v>6.5467879587175357E-2</v>
      </c>
      <c r="J20" s="98">
        <v>0.55700000000000005</v>
      </c>
      <c r="K20" s="94">
        <v>0.1125635288182958</v>
      </c>
      <c r="L20" s="98">
        <v>0.29499999999999998</v>
      </c>
      <c r="M20" s="94">
        <v>0.104310861104514</v>
      </c>
      <c r="N20" s="98">
        <v>0.02</v>
      </c>
      <c r="O20" s="94">
        <v>4.6753500936241928E-2</v>
      </c>
    </row>
    <row r="21" spans="1:19">
      <c r="A21" s="49" t="s">
        <v>445</v>
      </c>
      <c r="B21" s="139">
        <v>77</v>
      </c>
      <c r="C21" s="140">
        <v>3.1</v>
      </c>
      <c r="D21" s="130">
        <v>0.23519999999999999</v>
      </c>
      <c r="E21" s="123">
        <v>77</v>
      </c>
      <c r="F21" s="141">
        <v>4.2000000000000003E-2</v>
      </c>
      <c r="G21" s="97">
        <v>5.4633183316388424E-2</v>
      </c>
      <c r="H21" s="142">
        <v>0.20100000000000001</v>
      </c>
      <c r="I21" s="97">
        <v>9.1411621059312165E-2</v>
      </c>
      <c r="J21" s="142">
        <v>0.41399999999999998</v>
      </c>
      <c r="K21" s="97">
        <v>0.10961581233615784</v>
      </c>
      <c r="L21" s="142">
        <v>0.30499999999999999</v>
      </c>
      <c r="M21" s="97">
        <v>0.10319293348108767</v>
      </c>
      <c r="N21" s="142">
        <v>3.7999999999999999E-2</v>
      </c>
      <c r="O21" s="97">
        <v>5.310896002796589E-2</v>
      </c>
    </row>
    <row r="22" spans="1:19">
      <c r="A22" s="57" t="s">
        <v>449</v>
      </c>
      <c r="B22" s="135">
        <v>98</v>
      </c>
      <c r="C22" s="136">
        <v>2.96</v>
      </c>
      <c r="D22" s="128">
        <v>0.21559999999999999</v>
      </c>
      <c r="E22" s="120">
        <v>98</v>
      </c>
      <c r="F22" s="137">
        <v>8.6999999999999994E-2</v>
      </c>
      <c r="G22" s="94">
        <v>6.0243508421828518E-2</v>
      </c>
      <c r="H22" s="138">
        <v>0.253</v>
      </c>
      <c r="I22" s="94">
        <v>8.7151478606462551E-2</v>
      </c>
      <c r="J22" s="138">
        <v>0.35399999999999998</v>
      </c>
      <c r="K22" s="94">
        <v>9.5038291952382295E-2</v>
      </c>
      <c r="L22" s="138">
        <v>0.221</v>
      </c>
      <c r="M22" s="94">
        <v>8.3582638953507912E-2</v>
      </c>
      <c r="N22" s="138">
        <v>8.5000000000000006E-2</v>
      </c>
      <c r="O22" s="94">
        <v>5.9743892449484463E-2</v>
      </c>
    </row>
    <row r="23" spans="1:19">
      <c r="A23" s="49" t="s">
        <v>454</v>
      </c>
      <c r="B23" s="139">
        <v>70</v>
      </c>
      <c r="C23" s="140">
        <v>3.15</v>
      </c>
      <c r="D23" s="130">
        <v>0.21559999999999999</v>
      </c>
      <c r="E23" s="123">
        <v>70</v>
      </c>
      <c r="F23" s="141">
        <v>0.02</v>
      </c>
      <c r="G23" s="97">
        <v>4.8677047145045498E-2</v>
      </c>
      <c r="H23" s="142">
        <v>0.16500000000000001</v>
      </c>
      <c r="I23" s="97">
        <v>8.9918740749687961E-2</v>
      </c>
      <c r="J23" s="142">
        <v>0.51100000000000001</v>
      </c>
      <c r="K23" s="97">
        <v>0.11622246318168822</v>
      </c>
      <c r="L23" s="142">
        <v>0.25</v>
      </c>
      <c r="M23" s="97">
        <v>0.1024231133409222</v>
      </c>
      <c r="N23" s="142">
        <v>5.2999999999999999E-2</v>
      </c>
      <c r="O23" s="97">
        <v>6.2041033889577428E-2</v>
      </c>
    </row>
    <row r="32" spans="1:19" ht="18.75">
      <c r="A32" s="324" t="s">
        <v>293</v>
      </c>
      <c r="B32" s="324"/>
      <c r="C32" s="324"/>
      <c r="D32" s="324"/>
      <c r="E32" s="324"/>
      <c r="F32" s="324"/>
      <c r="G32" s="324"/>
      <c r="H32" s="324"/>
      <c r="I32" s="324"/>
      <c r="J32" s="324"/>
      <c r="K32" s="324"/>
      <c r="L32" s="226"/>
      <c r="M32" s="226"/>
      <c r="N32" s="226"/>
      <c r="O32" s="226"/>
      <c r="P32" s="256"/>
      <c r="Q32" s="256"/>
      <c r="R32" s="256"/>
      <c r="S32" s="256"/>
    </row>
    <row r="33" spans="1:19" ht="57" customHeight="1">
      <c r="A33" s="369" t="s">
        <v>478</v>
      </c>
      <c r="B33" s="369"/>
      <c r="C33" s="369"/>
      <c r="D33" s="369"/>
      <c r="E33" s="369"/>
      <c r="F33" s="369"/>
      <c r="G33" s="369"/>
      <c r="H33" s="369"/>
      <c r="I33" s="369"/>
      <c r="J33" s="369"/>
      <c r="K33" s="369"/>
      <c r="L33" s="267"/>
      <c r="M33" s="267"/>
      <c r="N33" s="267"/>
      <c r="O33" s="267"/>
      <c r="P33" s="256"/>
      <c r="Q33" s="256"/>
      <c r="R33" s="256"/>
      <c r="S33" s="256"/>
    </row>
    <row r="34" spans="1:19" ht="33" customHeight="1">
      <c r="A34" s="361" t="s">
        <v>294</v>
      </c>
      <c r="B34" s="361"/>
      <c r="C34" s="361"/>
      <c r="D34" s="361"/>
      <c r="E34" s="370" t="s">
        <v>400</v>
      </c>
      <c r="F34" s="371"/>
      <c r="G34" s="371"/>
      <c r="H34" s="371"/>
      <c r="I34" s="371"/>
      <c r="J34" s="371"/>
      <c r="K34" s="372"/>
    </row>
    <row r="35" spans="1:19" ht="57.75" customHeight="1">
      <c r="A35" s="37" t="s">
        <v>85</v>
      </c>
      <c r="B35" s="38" t="s">
        <v>86</v>
      </c>
      <c r="C35" s="39" t="s">
        <v>87</v>
      </c>
      <c r="D35" s="40" t="s">
        <v>88</v>
      </c>
      <c r="E35" s="65" t="s">
        <v>86</v>
      </c>
      <c r="F35" s="65" t="s">
        <v>335</v>
      </c>
      <c r="G35" s="88" t="s">
        <v>338</v>
      </c>
      <c r="H35" s="65" t="s">
        <v>336</v>
      </c>
      <c r="I35" s="88" t="s">
        <v>339</v>
      </c>
      <c r="J35" s="65" t="s">
        <v>337</v>
      </c>
      <c r="K35" s="88" t="s">
        <v>340</v>
      </c>
    </row>
    <row r="36" spans="1:19" ht="84">
      <c r="A36" s="41"/>
      <c r="B36" s="42" t="s">
        <v>89</v>
      </c>
      <c r="C36" s="43" t="s">
        <v>435</v>
      </c>
      <c r="D36" s="44" t="s">
        <v>91</v>
      </c>
      <c r="E36" s="68" t="s">
        <v>89</v>
      </c>
      <c r="F36" s="68" t="s">
        <v>397</v>
      </c>
      <c r="G36" s="90" t="s">
        <v>104</v>
      </c>
      <c r="H36" s="68" t="s">
        <v>398</v>
      </c>
      <c r="I36" s="90" t="s">
        <v>104</v>
      </c>
      <c r="J36" s="68" t="s">
        <v>399</v>
      </c>
      <c r="K36" s="90" t="s">
        <v>104</v>
      </c>
    </row>
    <row r="37" spans="1:19">
      <c r="A37" s="45" t="s">
        <v>436</v>
      </c>
      <c r="B37" s="143">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7</v>
      </c>
      <c r="B38" s="49">
        <v>7903</v>
      </c>
      <c r="C38" s="145">
        <v>6.98</v>
      </c>
      <c r="D38" s="146">
        <v>3.9199999999999999E-2</v>
      </c>
      <c r="E38" s="123">
        <v>7903</v>
      </c>
      <c r="F38" s="141">
        <v>0.38</v>
      </c>
      <c r="G38" s="97">
        <v>1.0917550105584376E-2</v>
      </c>
      <c r="H38" s="142">
        <v>0.28899999999999998</v>
      </c>
      <c r="I38" s="97">
        <v>1.0196601185226134E-2</v>
      </c>
      <c r="J38" s="142">
        <v>0.33100000000000002</v>
      </c>
      <c r="K38" s="97">
        <v>1.0584723311543207E-2</v>
      </c>
    </row>
    <row r="39" spans="1:19">
      <c r="A39" s="53" t="s">
        <v>438</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9</v>
      </c>
      <c r="B40" s="49">
        <v>731</v>
      </c>
      <c r="C40" s="145">
        <v>6.96</v>
      </c>
      <c r="D40" s="146">
        <v>0.15679999999999999</v>
      </c>
      <c r="E40" s="123">
        <v>731</v>
      </c>
      <c r="F40" s="141">
        <v>0.374</v>
      </c>
      <c r="G40" s="97">
        <v>3.5708291290911166E-2</v>
      </c>
      <c r="H40" s="142">
        <v>0.29899999999999999</v>
      </c>
      <c r="I40" s="97">
        <v>3.3809191859463392E-2</v>
      </c>
      <c r="J40" s="142">
        <v>0.32700000000000001</v>
      </c>
      <c r="K40" s="97">
        <v>3.4632835774466082E-2</v>
      </c>
    </row>
    <row r="41" spans="1:19">
      <c r="A41" s="53" t="s">
        <v>440</v>
      </c>
      <c r="B41" s="53">
        <v>645</v>
      </c>
      <c r="C41" s="84">
        <v>7.05</v>
      </c>
      <c r="D41" s="85">
        <v>0.1764</v>
      </c>
      <c r="E41" s="83">
        <v>645</v>
      </c>
      <c r="F41" s="98">
        <v>0.36699999999999999</v>
      </c>
      <c r="G41" s="94">
        <v>3.7856950297845547E-2</v>
      </c>
      <c r="H41" s="98">
        <v>0.32200000000000001</v>
      </c>
      <c r="I41" s="94">
        <v>3.6714477750708886E-2</v>
      </c>
      <c r="J41" s="98">
        <v>0.311</v>
      </c>
      <c r="K41" s="94">
        <v>3.6378252835201193E-2</v>
      </c>
    </row>
    <row r="42" spans="1:19">
      <c r="A42" s="49" t="s">
        <v>453</v>
      </c>
      <c r="B42" s="49">
        <v>112</v>
      </c>
      <c r="C42" s="145">
        <v>7.66</v>
      </c>
      <c r="D42" s="146">
        <v>0.41159999999999997</v>
      </c>
      <c r="E42" s="123">
        <v>112</v>
      </c>
      <c r="F42" s="141">
        <v>0.222</v>
      </c>
      <c r="G42" s="97">
        <v>7.8334832977730542E-2</v>
      </c>
      <c r="H42" s="142">
        <v>0.254</v>
      </c>
      <c r="I42" s="97">
        <v>8.1702901659433849E-2</v>
      </c>
      <c r="J42" s="142">
        <v>0.52400000000000002</v>
      </c>
      <c r="K42" s="97">
        <v>9.2747904379894802E-2</v>
      </c>
    </row>
    <row r="43" spans="1:19">
      <c r="A43" s="53" t="s">
        <v>441</v>
      </c>
      <c r="B43" s="53">
        <v>61</v>
      </c>
      <c r="C43" s="84">
        <v>7.57</v>
      </c>
      <c r="D43" s="85">
        <v>0.58799999999999997</v>
      </c>
      <c r="E43" s="83">
        <v>61</v>
      </c>
      <c r="F43" s="98">
        <v>0.25900000000000001</v>
      </c>
      <c r="G43" s="94">
        <v>0.11061992560899113</v>
      </c>
      <c r="H43" s="98">
        <v>0.26400000000000001</v>
      </c>
      <c r="I43" s="94">
        <v>0.11120264870790657</v>
      </c>
      <c r="J43" s="98">
        <v>0.47799999999999998</v>
      </c>
      <c r="K43" s="94">
        <v>0.123928946474331</v>
      </c>
    </row>
    <row r="44" spans="1:19">
      <c r="A44" s="49" t="s">
        <v>446</v>
      </c>
      <c r="B44" s="49">
        <v>88</v>
      </c>
      <c r="C44" s="145">
        <v>5.87</v>
      </c>
      <c r="D44" s="146">
        <v>0.50960000000000005</v>
      </c>
      <c r="E44" s="123">
        <v>88</v>
      </c>
      <c r="F44" s="141">
        <v>0.497</v>
      </c>
      <c r="G44" s="97">
        <v>0.10425549002236162</v>
      </c>
      <c r="H44" s="142">
        <v>0.308</v>
      </c>
      <c r="I44" s="97">
        <v>9.6969712666650443E-2</v>
      </c>
      <c r="J44" s="142">
        <v>0.19500000000000001</v>
      </c>
      <c r="K44" s="97">
        <v>8.4670276025953575E-2</v>
      </c>
    </row>
    <row r="45" spans="1:19">
      <c r="A45" s="53" t="s">
        <v>447</v>
      </c>
      <c r="B45" s="53">
        <v>103</v>
      </c>
      <c r="C45" s="84">
        <v>7.17</v>
      </c>
      <c r="D45" s="85">
        <v>0.39200000000000002</v>
      </c>
      <c r="E45" s="83">
        <v>103</v>
      </c>
      <c r="F45" s="98">
        <v>0.33800000000000002</v>
      </c>
      <c r="G45" s="94">
        <v>9.1851463224874141E-2</v>
      </c>
      <c r="H45" s="98">
        <v>0.41499999999999998</v>
      </c>
      <c r="I45" s="94">
        <v>9.5370421944326322E-2</v>
      </c>
      <c r="J45" s="98">
        <v>0.248</v>
      </c>
      <c r="K45" s="94">
        <v>8.4533953948511403E-2</v>
      </c>
    </row>
    <row r="46" spans="1:19">
      <c r="A46" s="49" t="s">
        <v>442</v>
      </c>
      <c r="B46" s="49">
        <v>70</v>
      </c>
      <c r="C46" s="145">
        <v>7.12</v>
      </c>
      <c r="D46" s="146">
        <v>0.41159999999999997</v>
      </c>
      <c r="E46" s="123">
        <v>70</v>
      </c>
      <c r="F46" s="141">
        <v>0.3</v>
      </c>
      <c r="G46" s="97">
        <v>0.10760474487024818</v>
      </c>
      <c r="H46" s="142">
        <v>0.496</v>
      </c>
      <c r="I46" s="97">
        <v>0.11624431005668855</v>
      </c>
      <c r="J46" s="142">
        <v>0.20399999999999999</v>
      </c>
      <c r="K46" s="97">
        <v>9.6310309290727938E-2</v>
      </c>
    </row>
    <row r="47" spans="1:19">
      <c r="A47" s="45" t="s">
        <v>448</v>
      </c>
      <c r="B47" s="143">
        <v>250</v>
      </c>
      <c r="C47" s="84">
        <v>6.88</v>
      </c>
      <c r="D47" s="85">
        <v>0.27440000000000003</v>
      </c>
      <c r="E47" s="83">
        <v>250</v>
      </c>
      <c r="F47" s="98">
        <v>0.42</v>
      </c>
      <c r="G47" s="94">
        <v>6.1962649099793793E-2</v>
      </c>
      <c r="H47" s="98">
        <v>0.26800000000000002</v>
      </c>
      <c r="I47" s="94">
        <v>5.581999976242414E-2</v>
      </c>
      <c r="J47" s="98">
        <v>0.312</v>
      </c>
      <c r="K47" s="94">
        <v>5.8290668817527674E-2</v>
      </c>
    </row>
    <row r="48" spans="1:19" ht="25.5">
      <c r="A48" s="49" t="s">
        <v>443</v>
      </c>
      <c r="B48" s="144">
        <v>111</v>
      </c>
      <c r="C48" s="145">
        <v>7.22</v>
      </c>
      <c r="D48" s="146">
        <v>0.39200000000000002</v>
      </c>
      <c r="E48" s="123">
        <v>111</v>
      </c>
      <c r="F48" s="141">
        <v>0.35</v>
      </c>
      <c r="G48" s="97">
        <v>8.9255470414600011E-2</v>
      </c>
      <c r="H48" s="142">
        <v>0.30399999999999999</v>
      </c>
      <c r="I48" s="97">
        <v>8.6317903945036897E-2</v>
      </c>
      <c r="J48" s="142">
        <v>0.34599999999999997</v>
      </c>
      <c r="K48" s="97">
        <v>8.9034456714535734E-2</v>
      </c>
    </row>
    <row r="49" spans="1:22" ht="25.5">
      <c r="A49" s="53" t="s">
        <v>444</v>
      </c>
      <c r="B49" s="83">
        <v>69</v>
      </c>
      <c r="C49" s="84">
        <v>5.89</v>
      </c>
      <c r="D49" s="85">
        <v>0.56839999999999991</v>
      </c>
      <c r="E49" s="83">
        <v>69</v>
      </c>
      <c r="F49" s="98">
        <v>0.58699999999999997</v>
      </c>
      <c r="G49" s="94">
        <v>0.11544737376359156</v>
      </c>
      <c r="H49" s="98">
        <v>0.215</v>
      </c>
      <c r="I49" s="94">
        <v>9.8601869085644431E-2</v>
      </c>
      <c r="J49" s="98">
        <v>0.19800000000000001</v>
      </c>
      <c r="K49" s="94">
        <v>9.609274185057308E-2</v>
      </c>
    </row>
    <row r="50" spans="1:22">
      <c r="A50" s="49" t="s">
        <v>445</v>
      </c>
      <c r="B50" s="144">
        <v>70</v>
      </c>
      <c r="C50" s="145">
        <v>7.14</v>
      </c>
      <c r="D50" s="146">
        <v>0.50960000000000005</v>
      </c>
      <c r="E50" s="123">
        <v>70</v>
      </c>
      <c r="F50" s="141">
        <v>0.39300000000000002</v>
      </c>
      <c r="G50" s="97">
        <v>0.1138408746179371</v>
      </c>
      <c r="H50" s="142">
        <v>0.25600000000000001</v>
      </c>
      <c r="I50" s="97">
        <v>0.10312059841230141</v>
      </c>
      <c r="J50" s="142">
        <v>0.35099999999999998</v>
      </c>
      <c r="K50" s="97">
        <v>0.11153335225851393</v>
      </c>
    </row>
    <row r="51" spans="1:22">
      <c r="A51" s="57" t="s">
        <v>449</v>
      </c>
      <c r="B51" s="143">
        <v>97</v>
      </c>
      <c r="C51" s="84">
        <v>6.93</v>
      </c>
      <c r="D51" s="85">
        <v>0.45080000000000003</v>
      </c>
      <c r="E51" s="83">
        <v>97</v>
      </c>
      <c r="F51" s="98">
        <v>0.43099999999999999</v>
      </c>
      <c r="G51" s="94">
        <v>9.8625934252790967E-2</v>
      </c>
      <c r="H51" s="98">
        <v>0.249</v>
      </c>
      <c r="I51" s="94">
        <v>8.7175789810087695E-2</v>
      </c>
      <c r="J51" s="98">
        <v>0.32</v>
      </c>
      <c r="K51" s="94">
        <v>9.3367265467346666E-2</v>
      </c>
    </row>
    <row r="52" spans="1:22">
      <c r="A52" s="49" t="s">
        <v>454</v>
      </c>
      <c r="B52" s="144">
        <v>72</v>
      </c>
      <c r="C52" s="145">
        <v>7.18</v>
      </c>
      <c r="D52" s="146">
        <v>0.5292</v>
      </c>
      <c r="E52" s="123">
        <v>72</v>
      </c>
      <c r="F52" s="141">
        <v>0.29699999999999999</v>
      </c>
      <c r="G52" s="97">
        <v>0.1058834108370129</v>
      </c>
      <c r="H52" s="142">
        <v>0.35299999999999998</v>
      </c>
      <c r="I52" s="97">
        <v>0.11016871579373769</v>
      </c>
      <c r="J52" s="142">
        <v>0.35</v>
      </c>
      <c r="K52" s="97">
        <v>0.109977532198944</v>
      </c>
    </row>
    <row r="53" spans="1:22">
      <c r="A53" s="241"/>
      <c r="B53" s="241"/>
      <c r="C53" s="241"/>
      <c r="D53" s="241"/>
      <c r="E53" s="241"/>
      <c r="F53" s="241"/>
      <c r="G53" s="241"/>
      <c r="H53" s="241"/>
      <c r="I53" s="241"/>
      <c r="J53" s="241"/>
      <c r="K53" s="241"/>
    </row>
    <row r="54" spans="1:22">
      <c r="A54" s="241"/>
      <c r="B54" s="241"/>
      <c r="C54" s="241"/>
      <c r="D54" s="241"/>
      <c r="E54" s="241"/>
      <c r="F54" s="241"/>
      <c r="G54" s="241"/>
      <c r="H54" s="241"/>
      <c r="I54" s="241"/>
      <c r="J54" s="241"/>
      <c r="K54" s="241"/>
    </row>
    <row r="55" spans="1:22">
      <c r="A55" s="241"/>
      <c r="B55" s="241"/>
      <c r="C55" s="241"/>
      <c r="D55" s="241"/>
      <c r="E55" s="241"/>
      <c r="F55" s="241"/>
      <c r="G55" s="241"/>
      <c r="H55" s="241"/>
      <c r="I55" s="241"/>
      <c r="J55" s="241"/>
      <c r="K55" s="241"/>
    </row>
    <row r="56" spans="1:22">
      <c r="A56" s="241"/>
      <c r="B56" s="241"/>
      <c r="C56" s="241"/>
      <c r="D56" s="241"/>
      <c r="E56" s="241"/>
      <c r="F56" s="241"/>
      <c r="G56" s="241"/>
      <c r="H56" s="241"/>
      <c r="I56" s="241"/>
      <c r="J56" s="241"/>
      <c r="K56" s="241"/>
    </row>
    <row r="57" spans="1:22">
      <c r="A57" s="241"/>
      <c r="B57" s="241"/>
      <c r="C57" s="241"/>
      <c r="D57" s="241"/>
      <c r="E57" s="241"/>
      <c r="F57" s="241"/>
      <c r="G57" s="241"/>
      <c r="H57" s="241"/>
      <c r="I57" s="241"/>
      <c r="J57" s="241"/>
      <c r="K57" s="241"/>
    </row>
    <row r="58" spans="1:22">
      <c r="A58" s="241"/>
      <c r="B58" s="241"/>
      <c r="C58" s="241"/>
      <c r="D58" s="241"/>
      <c r="E58" s="241"/>
      <c r="F58" s="241"/>
      <c r="G58" s="241"/>
      <c r="H58" s="241"/>
      <c r="I58" s="241"/>
      <c r="J58" s="241"/>
      <c r="K58" s="241"/>
    </row>
    <row r="59" spans="1:22">
      <c r="A59" s="241"/>
      <c r="B59" s="241"/>
      <c r="C59" s="241"/>
      <c r="D59" s="241"/>
      <c r="E59" s="241"/>
      <c r="F59" s="241"/>
      <c r="G59" s="241"/>
      <c r="H59" s="241"/>
      <c r="I59" s="241"/>
      <c r="J59" s="241"/>
      <c r="K59" s="241"/>
    </row>
    <row r="60" spans="1:22" s="248" customFormat="1">
      <c r="A60" s="241"/>
      <c r="B60" s="242"/>
      <c r="C60" s="243"/>
      <c r="D60" s="244"/>
      <c r="E60" s="245"/>
      <c r="F60" s="246"/>
      <c r="G60" s="247"/>
      <c r="H60" s="246"/>
      <c r="I60" s="247"/>
    </row>
    <row r="61" spans="1:22" ht="18.75">
      <c r="A61" s="316" t="s">
        <v>295</v>
      </c>
      <c r="B61" s="316"/>
      <c r="C61" s="316"/>
      <c r="D61" s="316"/>
      <c r="E61" s="316"/>
      <c r="F61" s="316"/>
      <c r="G61" s="316"/>
      <c r="H61" s="316"/>
      <c r="I61" s="316"/>
      <c r="J61" s="316"/>
      <c r="K61" s="316"/>
      <c r="L61" s="316"/>
      <c r="M61" s="316"/>
      <c r="N61" s="316"/>
      <c r="O61" s="316"/>
      <c r="P61" s="316"/>
      <c r="Q61" s="316"/>
      <c r="R61" s="316"/>
      <c r="S61" s="316"/>
      <c r="T61" s="316"/>
      <c r="U61" s="316"/>
      <c r="V61" s="316"/>
    </row>
    <row r="62" spans="1:22" ht="73.5" customHeight="1">
      <c r="A62" s="363" t="s">
        <v>479</v>
      </c>
      <c r="B62" s="363"/>
      <c r="C62" s="363"/>
      <c r="D62" s="363"/>
      <c r="E62" s="363"/>
      <c r="F62" s="363"/>
      <c r="G62" s="363"/>
      <c r="H62" s="363"/>
      <c r="I62" s="363"/>
      <c r="J62" s="363"/>
      <c r="K62" s="363"/>
      <c r="L62" s="363"/>
      <c r="M62" s="363"/>
      <c r="N62" s="363"/>
      <c r="O62" s="363"/>
      <c r="P62" s="363"/>
      <c r="Q62" s="363"/>
      <c r="R62" s="363"/>
      <c r="S62" s="363"/>
      <c r="T62" s="363"/>
      <c r="U62" s="363"/>
      <c r="V62" s="363"/>
    </row>
    <row r="63" spans="1:22" ht="57.75" customHeight="1">
      <c r="A63" s="240"/>
      <c r="B63" s="362" t="s">
        <v>341</v>
      </c>
      <c r="C63" s="362"/>
      <c r="D63" s="362"/>
      <c r="E63" s="362"/>
      <c r="F63" s="362"/>
      <c r="G63" s="362"/>
      <c r="H63" s="362"/>
      <c r="I63" s="362" t="s">
        <v>342</v>
      </c>
      <c r="J63" s="362"/>
      <c r="K63" s="362"/>
      <c r="L63" s="362"/>
      <c r="M63" s="362"/>
      <c r="N63" s="362"/>
      <c r="O63" s="362"/>
      <c r="P63" s="362" t="s">
        <v>343</v>
      </c>
      <c r="Q63" s="362"/>
      <c r="R63" s="362"/>
      <c r="S63" s="362"/>
      <c r="T63" s="362"/>
      <c r="U63" s="362"/>
      <c r="V63" s="362"/>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1</v>
      </c>
      <c r="D65" s="91" t="s">
        <v>104</v>
      </c>
      <c r="E65" s="42" t="s">
        <v>402</v>
      </c>
      <c r="F65" s="91" t="s">
        <v>104</v>
      </c>
      <c r="G65" s="42" t="s">
        <v>403</v>
      </c>
      <c r="H65" s="91" t="s">
        <v>104</v>
      </c>
      <c r="I65" s="68" t="s">
        <v>89</v>
      </c>
      <c r="J65" s="68" t="s">
        <v>401</v>
      </c>
      <c r="K65" s="90" t="s">
        <v>104</v>
      </c>
      <c r="L65" s="68" t="s">
        <v>402</v>
      </c>
      <c r="M65" s="90" t="s">
        <v>104</v>
      </c>
      <c r="N65" s="68" t="s">
        <v>403</v>
      </c>
      <c r="O65" s="90" t="s">
        <v>104</v>
      </c>
      <c r="P65" s="42" t="s">
        <v>89</v>
      </c>
      <c r="Q65" s="42" t="s">
        <v>401</v>
      </c>
      <c r="R65" s="91" t="s">
        <v>104</v>
      </c>
      <c r="S65" s="42" t="s">
        <v>402</v>
      </c>
      <c r="T65" s="91" t="s">
        <v>104</v>
      </c>
      <c r="U65" s="42" t="s">
        <v>403</v>
      </c>
      <c r="V65" s="91" t="s">
        <v>104</v>
      </c>
    </row>
    <row r="66" spans="1:22">
      <c r="A66" s="45" t="s">
        <v>436</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7</v>
      </c>
      <c r="B67" s="149">
        <v>7888</v>
      </c>
      <c r="C67" s="151">
        <v>0.316</v>
      </c>
      <c r="D67" s="97">
        <v>1.0467489084355273E-2</v>
      </c>
      <c r="E67" s="151">
        <v>0.40400000000000003</v>
      </c>
      <c r="F67" s="97">
        <v>1.1047364730406279E-2</v>
      </c>
      <c r="G67" s="151">
        <v>0.28100000000000003</v>
      </c>
      <c r="H67" s="97">
        <v>1.0120600826100718E-2</v>
      </c>
      <c r="I67" s="149">
        <v>7833</v>
      </c>
      <c r="J67" s="151">
        <v>0.79200000000000004</v>
      </c>
      <c r="K67" s="97">
        <v>9.1719990184560909E-3</v>
      </c>
      <c r="L67" s="151">
        <v>0.153</v>
      </c>
      <c r="M67" s="97">
        <v>8.1366999405030546E-3</v>
      </c>
      <c r="N67" s="151">
        <v>5.5E-2</v>
      </c>
      <c r="O67" s="97">
        <v>5.1605383290471638E-3</v>
      </c>
      <c r="P67" s="149">
        <v>7837</v>
      </c>
      <c r="Q67" s="151">
        <v>0.88200000000000001</v>
      </c>
      <c r="R67" s="97">
        <v>7.2917185617857117E-3</v>
      </c>
      <c r="S67" s="151">
        <v>0.08</v>
      </c>
      <c r="T67" s="97">
        <v>6.1349833936778777E-3</v>
      </c>
      <c r="U67" s="151">
        <v>3.7999999999999999E-2</v>
      </c>
      <c r="V67" s="97">
        <v>4.3312478023080133E-3</v>
      </c>
    </row>
    <row r="68" spans="1:22">
      <c r="A68" s="53" t="s">
        <v>438</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9</v>
      </c>
      <c r="B69" s="149">
        <v>730</v>
      </c>
      <c r="C69" s="151">
        <v>0.33500000000000002</v>
      </c>
      <c r="D69" s="97">
        <v>3.4866106033663948E-2</v>
      </c>
      <c r="E69" s="151">
        <v>0.375</v>
      </c>
      <c r="F69" s="97">
        <v>3.5751552295375459E-2</v>
      </c>
      <c r="G69" s="151">
        <v>0.28999999999999998</v>
      </c>
      <c r="H69" s="97">
        <v>3.3536294891138685E-2</v>
      </c>
      <c r="I69" s="149">
        <v>723</v>
      </c>
      <c r="J69" s="151">
        <v>0.80400000000000005</v>
      </c>
      <c r="K69" s="97">
        <v>2.9540093257137731E-2</v>
      </c>
      <c r="L69" s="151">
        <v>0.14399999999999999</v>
      </c>
      <c r="M69" s="97">
        <v>2.6188900317002703E-2</v>
      </c>
      <c r="N69" s="151">
        <v>5.1999999999999998E-2</v>
      </c>
      <c r="O69" s="97">
        <v>1.6832943458841666E-2</v>
      </c>
      <c r="P69" s="149">
        <v>723</v>
      </c>
      <c r="Q69" s="151">
        <v>0.87</v>
      </c>
      <c r="R69" s="97">
        <v>2.5110739121169727E-2</v>
      </c>
      <c r="S69" s="151">
        <v>0.108</v>
      </c>
      <c r="T69" s="97">
        <v>2.3223368001533681E-2</v>
      </c>
      <c r="U69" s="151">
        <v>2.1999999999999999E-2</v>
      </c>
      <c r="V69" s="97">
        <v>1.1496868785467863E-2</v>
      </c>
    </row>
    <row r="70" spans="1:22">
      <c r="A70" s="53" t="s">
        <v>440</v>
      </c>
      <c r="B70" s="83">
        <v>644</v>
      </c>
      <c r="C70" s="98">
        <v>0.33400000000000002</v>
      </c>
      <c r="D70" s="94">
        <v>3.7083751353323098E-2</v>
      </c>
      <c r="E70" s="98">
        <v>0.36899999999999999</v>
      </c>
      <c r="F70" s="94">
        <v>3.7928637532016661E-2</v>
      </c>
      <c r="G70" s="98">
        <v>0.29699999999999999</v>
      </c>
      <c r="H70" s="94">
        <v>3.5943902010405149E-2</v>
      </c>
      <c r="I70" s="83">
        <v>637</v>
      </c>
      <c r="J70" s="98">
        <v>0.81599999999999995</v>
      </c>
      <c r="K70" s="94">
        <v>3.0735788595189686E-2</v>
      </c>
      <c r="L70" s="98">
        <v>0.157</v>
      </c>
      <c r="M70" s="94">
        <v>2.8897012991891215E-2</v>
      </c>
      <c r="N70" s="98">
        <v>2.7E-2</v>
      </c>
      <c r="O70" s="94">
        <v>1.346504979363896E-2</v>
      </c>
      <c r="P70" s="83">
        <v>637</v>
      </c>
      <c r="Q70" s="98">
        <v>0.88700000000000001</v>
      </c>
      <c r="R70" s="94">
        <v>2.5240726787712119E-2</v>
      </c>
      <c r="S70" s="98">
        <v>9.5000000000000001E-2</v>
      </c>
      <c r="T70" s="94">
        <v>2.3435872157842222E-2</v>
      </c>
      <c r="U70" s="98">
        <v>1.7999999999999999E-2</v>
      </c>
      <c r="V70" s="94">
        <v>1.1328721148409824E-2</v>
      </c>
    </row>
    <row r="71" spans="1:22">
      <c r="A71" s="49" t="s">
        <v>453</v>
      </c>
      <c r="B71" s="149">
        <v>112</v>
      </c>
      <c r="C71" s="151">
        <v>0.25900000000000001</v>
      </c>
      <c r="D71" s="97">
        <v>8.2180525500737414E-2</v>
      </c>
      <c r="E71" s="151">
        <v>0.40200000000000002</v>
      </c>
      <c r="F71" s="97">
        <v>9.1169967281499231E-2</v>
      </c>
      <c r="G71" s="151">
        <v>0.34</v>
      </c>
      <c r="H71" s="97">
        <v>8.8304933530497481E-2</v>
      </c>
      <c r="I71" s="149">
        <v>112</v>
      </c>
      <c r="J71" s="151">
        <v>0.86699999999999999</v>
      </c>
      <c r="K71" s="97">
        <v>6.5505920543924442E-2</v>
      </c>
      <c r="L71" s="151">
        <v>0.112</v>
      </c>
      <c r="M71" s="97">
        <v>6.1492735450475546E-2</v>
      </c>
      <c r="N71" s="151">
        <v>2.1000000000000001E-2</v>
      </c>
      <c r="O71" s="97">
        <v>3.5286853065440139E-2</v>
      </c>
      <c r="P71" s="149">
        <v>112</v>
      </c>
      <c r="Q71" s="151">
        <v>0.92400000000000004</v>
      </c>
      <c r="R71" s="97">
        <v>5.3307365170623976E-2</v>
      </c>
      <c r="S71" s="151">
        <v>4.9000000000000002E-2</v>
      </c>
      <c r="T71" s="97">
        <v>4.5631507206720094E-2</v>
      </c>
      <c r="U71" s="151">
        <v>2.7E-2</v>
      </c>
      <c r="V71" s="97">
        <v>3.7799178452348342E-2</v>
      </c>
    </row>
    <row r="72" spans="1:22">
      <c r="A72" s="53" t="s">
        <v>441</v>
      </c>
      <c r="B72" s="83">
        <v>61</v>
      </c>
      <c r="C72" s="98">
        <v>0.313</v>
      </c>
      <c r="D72" s="94">
        <v>0.11614379679871073</v>
      </c>
      <c r="E72" s="98">
        <v>0.34599999999999997</v>
      </c>
      <c r="F72" s="94">
        <v>0.11874033213741561</v>
      </c>
      <c r="G72" s="98">
        <v>0.34100000000000003</v>
      </c>
      <c r="H72" s="94">
        <v>0.11838263100097407</v>
      </c>
      <c r="I72" s="83">
        <v>61</v>
      </c>
      <c r="J72" s="98">
        <v>0.84</v>
      </c>
      <c r="K72" s="94">
        <v>9.5495442391372254E-2</v>
      </c>
      <c r="L72" s="98">
        <v>0.13600000000000001</v>
      </c>
      <c r="M72" s="94">
        <v>9.0574046206150283E-2</v>
      </c>
      <c r="N72" s="98">
        <v>2.4E-2</v>
      </c>
      <c r="O72" s="94">
        <v>5.5720311243890833E-2</v>
      </c>
      <c r="P72" s="83">
        <v>61</v>
      </c>
      <c r="Q72" s="98">
        <v>0.94699999999999995</v>
      </c>
      <c r="R72" s="94">
        <v>6.7494138223874872E-2</v>
      </c>
      <c r="S72" s="98">
        <v>3.2000000000000001E-2</v>
      </c>
      <c r="T72" s="94">
        <v>5.9279447729182859E-2</v>
      </c>
      <c r="U72" s="98">
        <v>2.1000000000000001E-2</v>
      </c>
      <c r="V72" s="94">
        <v>5.430908880649124E-2</v>
      </c>
    </row>
    <row r="73" spans="1:22">
      <c r="A73" s="49" t="s">
        <v>446</v>
      </c>
      <c r="B73" s="149">
        <v>88</v>
      </c>
      <c r="C73" s="151">
        <v>0.40699999999999997</v>
      </c>
      <c r="D73" s="97">
        <v>0.10259390973535366</v>
      </c>
      <c r="E73" s="151">
        <v>0.376</v>
      </c>
      <c r="F73" s="97">
        <v>0.10128135098429479</v>
      </c>
      <c r="G73" s="151">
        <v>0.217</v>
      </c>
      <c r="H73" s="97">
        <v>8.7656410240591939E-2</v>
      </c>
      <c r="I73" s="149">
        <v>87</v>
      </c>
      <c r="J73" s="151">
        <v>0.67</v>
      </c>
      <c r="K73" s="97">
        <v>9.91357867041118E-2</v>
      </c>
      <c r="L73" s="151">
        <v>0.107</v>
      </c>
      <c r="M73" s="97">
        <v>6.9164723884398871E-2</v>
      </c>
      <c r="N73" s="151">
        <v>0.223</v>
      </c>
      <c r="O73" s="97">
        <v>8.8917335581938317E-2</v>
      </c>
      <c r="P73" s="149">
        <v>87</v>
      </c>
      <c r="Q73" s="151">
        <v>0.73499999999999999</v>
      </c>
      <c r="R73" s="97">
        <v>9.3649625936563452E-2</v>
      </c>
      <c r="S73" s="151">
        <v>0.22900000000000001</v>
      </c>
      <c r="T73" s="97">
        <v>8.9657088810995281E-2</v>
      </c>
      <c r="U73" s="151">
        <v>3.5999999999999997E-2</v>
      </c>
      <c r="V73" s="97">
        <v>4.8364522552987246E-2</v>
      </c>
    </row>
    <row r="74" spans="1:22">
      <c r="A74" s="53" t="s">
        <v>447</v>
      </c>
      <c r="B74" s="83">
        <v>103</v>
      </c>
      <c r="C74" s="98">
        <v>0.33700000000000002</v>
      </c>
      <c r="D74" s="94">
        <v>9.1790158302084285E-2</v>
      </c>
      <c r="E74" s="98">
        <v>0.33300000000000002</v>
      </c>
      <c r="F74" s="94">
        <v>9.1540743994533685E-2</v>
      </c>
      <c r="G74" s="98">
        <v>0.33</v>
      </c>
      <c r="H74" s="94">
        <v>9.134925478505708E-2</v>
      </c>
      <c r="I74" s="83">
        <v>103</v>
      </c>
      <c r="J74" s="98">
        <v>0.78100000000000003</v>
      </c>
      <c r="K74" s="94">
        <v>8.1305303942481727E-2</v>
      </c>
      <c r="L74" s="98">
        <v>0.20499999999999999</v>
      </c>
      <c r="M74" s="94">
        <v>7.956891433770083E-2</v>
      </c>
      <c r="N74" s="98">
        <v>1.4E-2</v>
      </c>
      <c r="O74" s="94">
        <v>3.4115488106822467E-2</v>
      </c>
      <c r="P74" s="83">
        <v>102</v>
      </c>
      <c r="Q74" s="98">
        <v>0.96</v>
      </c>
      <c r="R74" s="94">
        <v>4.5169907383760366E-2</v>
      </c>
      <c r="S74" s="98">
        <v>3.2000000000000001E-2</v>
      </c>
      <c r="T74" s="94">
        <v>4.220087823422318E-2</v>
      </c>
      <c r="U74" s="98">
        <v>8.0000000000000002E-3</v>
      </c>
      <c r="V74" s="94">
        <v>3.123875397635063E-2</v>
      </c>
    </row>
    <row r="75" spans="1:22">
      <c r="A75" s="49" t="s">
        <v>442</v>
      </c>
      <c r="B75" s="149">
        <v>70</v>
      </c>
      <c r="C75" s="151">
        <v>0.3</v>
      </c>
      <c r="D75" s="97">
        <v>0.10760474487024818</v>
      </c>
      <c r="E75" s="151">
        <v>0.47399999999999998</v>
      </c>
      <c r="F75" s="97">
        <v>0.11610691855371637</v>
      </c>
      <c r="G75" s="151">
        <v>0.22600000000000001</v>
      </c>
      <c r="H75" s="97">
        <v>9.9409326934064998E-2</v>
      </c>
      <c r="I75" s="149">
        <v>70</v>
      </c>
      <c r="J75" s="151">
        <v>0.86</v>
      </c>
      <c r="K75" s="97">
        <v>8.5117451524145252E-2</v>
      </c>
      <c r="L75" s="151">
        <v>0.11799999999999999</v>
      </c>
      <c r="M75" s="97">
        <v>8.034560512932501E-2</v>
      </c>
      <c r="N75" s="151">
        <v>2.1999999999999999E-2</v>
      </c>
      <c r="O75" s="97">
        <v>4.9619840794562817E-2</v>
      </c>
      <c r="P75" s="149">
        <v>70</v>
      </c>
      <c r="Q75" s="151">
        <v>0.98099999999999998</v>
      </c>
      <c r="R75" s="97">
        <v>4.8197229930494655E-2</v>
      </c>
      <c r="S75" s="151">
        <v>1.9E-2</v>
      </c>
      <c r="T75" s="97">
        <v>4.8197229930494689E-2</v>
      </c>
      <c r="U75" s="151">
        <v>0</v>
      </c>
      <c r="V75" s="97">
        <v>3.7701936889887336E-2</v>
      </c>
    </row>
    <row r="76" spans="1:22">
      <c r="A76" s="45" t="s">
        <v>448</v>
      </c>
      <c r="B76" s="83">
        <v>249</v>
      </c>
      <c r="C76" s="98">
        <v>0.33</v>
      </c>
      <c r="D76" s="94">
        <v>5.924513422197409E-2</v>
      </c>
      <c r="E76" s="98">
        <v>0.41299999999999998</v>
      </c>
      <c r="F76" s="94">
        <v>6.1940739750673844E-2</v>
      </c>
      <c r="G76" s="98">
        <v>0.25800000000000001</v>
      </c>
      <c r="H76" s="94">
        <v>5.5278409560751016E-2</v>
      </c>
      <c r="I76" s="83">
        <v>247</v>
      </c>
      <c r="J76" s="98">
        <v>0.84699999999999998</v>
      </c>
      <c r="K76" s="94">
        <v>4.6107125819915946E-2</v>
      </c>
      <c r="L76" s="98">
        <v>0.11799999999999999</v>
      </c>
      <c r="M76" s="94">
        <v>4.1618626053158782E-2</v>
      </c>
      <c r="N76" s="98">
        <v>3.5000000000000003E-2</v>
      </c>
      <c r="O76" s="94">
        <v>2.5440100745266037E-2</v>
      </c>
      <c r="P76" s="83">
        <v>246</v>
      </c>
      <c r="Q76" s="98">
        <v>0.80800000000000005</v>
      </c>
      <c r="R76" s="94">
        <v>5.0302662007651246E-2</v>
      </c>
      <c r="S76" s="98">
        <v>0.17199999999999999</v>
      </c>
      <c r="T76" s="94">
        <v>4.8304226977936411E-2</v>
      </c>
      <c r="U76" s="98">
        <v>0.02</v>
      </c>
      <c r="V76" s="94">
        <v>2.0751411556807407E-2</v>
      </c>
    </row>
    <row r="77" spans="1:22" ht="25.5">
      <c r="A77" s="49" t="s">
        <v>443</v>
      </c>
      <c r="B77" s="149">
        <v>111</v>
      </c>
      <c r="C77" s="151">
        <v>0.28499999999999998</v>
      </c>
      <c r="D77" s="97">
        <v>8.4839434593831628E-2</v>
      </c>
      <c r="E77" s="151">
        <v>0.44400000000000001</v>
      </c>
      <c r="F77" s="97">
        <v>9.2703991283199991E-2</v>
      </c>
      <c r="G77" s="151">
        <v>0.27100000000000002</v>
      </c>
      <c r="H77" s="97">
        <v>8.3643887975907383E-2</v>
      </c>
      <c r="I77" s="149">
        <v>110</v>
      </c>
      <c r="J77" s="151">
        <v>0.871</v>
      </c>
      <c r="K77" s="97">
        <v>6.5386452026561417E-2</v>
      </c>
      <c r="L77" s="151">
        <v>0.12</v>
      </c>
      <c r="M77" s="97">
        <v>6.3675591058789241E-2</v>
      </c>
      <c r="N77" s="151">
        <v>8.0000000000000002E-3</v>
      </c>
      <c r="O77" s="97">
        <v>2.9394432428979468E-2</v>
      </c>
      <c r="P77" s="149">
        <v>109</v>
      </c>
      <c r="Q77" s="151">
        <v>0.89100000000000001</v>
      </c>
      <c r="R77" s="97">
        <v>6.175912914677794E-2</v>
      </c>
      <c r="S77" s="151">
        <v>9.1999999999999998E-2</v>
      </c>
      <c r="T77" s="97">
        <v>5.8024247839455388E-2</v>
      </c>
      <c r="U77" s="151">
        <v>1.7000000000000001E-2</v>
      </c>
      <c r="V77" s="97">
        <v>3.4144262497664959E-2</v>
      </c>
    </row>
    <row r="78" spans="1:22" ht="25.5">
      <c r="A78" s="53" t="s">
        <v>444</v>
      </c>
      <c r="B78" s="83">
        <v>68</v>
      </c>
      <c r="C78" s="98">
        <v>0.48299999999999998</v>
      </c>
      <c r="D78" s="94">
        <v>0.11779035499465482</v>
      </c>
      <c r="E78" s="98">
        <v>0.34300000000000003</v>
      </c>
      <c r="F78" s="94">
        <v>0.11254966820062745</v>
      </c>
      <c r="G78" s="98">
        <v>0.17399999999999999</v>
      </c>
      <c r="H78" s="94">
        <v>9.285724769737369E-2</v>
      </c>
      <c r="I78" s="83">
        <v>67</v>
      </c>
      <c r="J78" s="98">
        <v>0.82</v>
      </c>
      <c r="K78" s="94">
        <v>9.4589703543224712E-2</v>
      </c>
      <c r="L78" s="98">
        <v>0.159</v>
      </c>
      <c r="M78" s="94">
        <v>9.0834011035461001E-2</v>
      </c>
      <c r="N78" s="98">
        <v>2.1000000000000001E-2</v>
      </c>
      <c r="O78" s="94">
        <v>5.073169823732341E-2</v>
      </c>
      <c r="P78" s="83">
        <v>67</v>
      </c>
      <c r="Q78" s="98">
        <v>0.65900000000000003</v>
      </c>
      <c r="R78" s="94">
        <v>0.1132086002203366</v>
      </c>
      <c r="S78" s="98">
        <v>0.307</v>
      </c>
      <c r="T78" s="94">
        <v>0.11052495558787073</v>
      </c>
      <c r="U78" s="98">
        <v>3.4000000000000002E-2</v>
      </c>
      <c r="V78" s="94">
        <v>5.6480351472486777E-2</v>
      </c>
    </row>
    <row r="79" spans="1:22">
      <c r="A79" s="49" t="s">
        <v>445</v>
      </c>
      <c r="B79" s="149">
        <v>70</v>
      </c>
      <c r="C79" s="151">
        <v>0.27500000000000002</v>
      </c>
      <c r="D79" s="97">
        <v>0.10518967547335603</v>
      </c>
      <c r="E79" s="151">
        <v>0.42199999999999999</v>
      </c>
      <c r="F79" s="97">
        <v>0.11497495690908446</v>
      </c>
      <c r="G79" s="151">
        <v>0.30299999999999999</v>
      </c>
      <c r="H79" s="97">
        <v>0.10787208988264763</v>
      </c>
      <c r="I79" s="149">
        <v>70</v>
      </c>
      <c r="J79" s="151">
        <v>0.83199999999999996</v>
      </c>
      <c r="K79" s="97">
        <v>9.0455320053966906E-2</v>
      </c>
      <c r="L79" s="151">
        <v>8.4000000000000005E-2</v>
      </c>
      <c r="M79" s="97">
        <v>7.171532109752847E-2</v>
      </c>
      <c r="N79" s="151">
        <v>8.4000000000000005E-2</v>
      </c>
      <c r="O79" s="97">
        <v>7.171532109752847E-2</v>
      </c>
      <c r="P79" s="149">
        <v>70</v>
      </c>
      <c r="Q79" s="151">
        <v>0.80300000000000005</v>
      </c>
      <c r="R79" s="97">
        <v>9.5251600261507113E-2</v>
      </c>
      <c r="S79" s="151">
        <v>0.183</v>
      </c>
      <c r="T79" s="97">
        <v>9.302166641530242E-2</v>
      </c>
      <c r="U79" s="151">
        <v>1.4E-2</v>
      </c>
      <c r="V79" s="97">
        <v>4.5706806875308384E-2</v>
      </c>
    </row>
    <row r="80" spans="1:22">
      <c r="A80" s="57" t="s">
        <v>449</v>
      </c>
      <c r="B80" s="83">
        <v>97</v>
      </c>
      <c r="C80" s="98">
        <v>0.42099999999999999</v>
      </c>
      <c r="D80" s="94">
        <v>9.8351470724340903E-2</v>
      </c>
      <c r="E80" s="98">
        <v>0.30099999999999999</v>
      </c>
      <c r="F80" s="94">
        <v>9.1947811229554907E-2</v>
      </c>
      <c r="G80" s="98">
        <v>0.27800000000000002</v>
      </c>
      <c r="H80" s="94">
        <v>9.0003824453729536E-2</v>
      </c>
      <c r="I80" s="83">
        <v>95</v>
      </c>
      <c r="J80" s="98">
        <v>0.80200000000000005</v>
      </c>
      <c r="K80" s="94">
        <v>8.1900933235518628E-2</v>
      </c>
      <c r="L80" s="98">
        <v>0.182</v>
      </c>
      <c r="M80" s="94">
        <v>7.9615884106438731E-2</v>
      </c>
      <c r="N80" s="98">
        <v>1.4999999999999999E-2</v>
      </c>
      <c r="O80" s="94">
        <v>3.6734966237475401E-2</v>
      </c>
      <c r="P80" s="83">
        <v>97</v>
      </c>
      <c r="Q80" s="98">
        <v>0.91300000000000003</v>
      </c>
      <c r="R80" s="94">
        <v>6.0582611253739024E-2</v>
      </c>
      <c r="S80" s="98">
        <v>8.5999999999999993E-2</v>
      </c>
      <c r="T80" s="94">
        <v>6.0332770491201074E-2</v>
      </c>
      <c r="U80" s="98">
        <v>0</v>
      </c>
      <c r="V80" s="94">
        <v>2.7725572981612018E-2</v>
      </c>
    </row>
    <row r="81" spans="1:22">
      <c r="A81" s="49" t="s">
        <v>454</v>
      </c>
      <c r="B81" s="149">
        <v>72</v>
      </c>
      <c r="C81" s="151">
        <v>0.23699999999999999</v>
      </c>
      <c r="D81" s="97">
        <v>9.9451216152576863E-2</v>
      </c>
      <c r="E81" s="151">
        <v>0.39</v>
      </c>
      <c r="F81" s="97">
        <v>0.11218878971227265</v>
      </c>
      <c r="G81" s="151">
        <v>0.373</v>
      </c>
      <c r="H81" s="97">
        <v>0.11133735146730363</v>
      </c>
      <c r="I81" s="149">
        <v>70</v>
      </c>
      <c r="J81" s="151">
        <v>0.83099999999999996</v>
      </c>
      <c r="K81" s="97">
        <v>9.0632406541542421E-2</v>
      </c>
      <c r="L81" s="151">
        <v>9.2999999999999999E-2</v>
      </c>
      <c r="M81" s="97">
        <v>7.4171095120345573E-2</v>
      </c>
      <c r="N81" s="151">
        <v>7.5999999999999998E-2</v>
      </c>
      <c r="O81" s="97">
        <v>6.9412190844077695E-2</v>
      </c>
      <c r="P81" s="149">
        <v>70</v>
      </c>
      <c r="Q81" s="151">
        <v>0.92900000000000005</v>
      </c>
      <c r="R81" s="97">
        <v>6.7909950641758463E-2</v>
      </c>
      <c r="S81" s="151">
        <v>0</v>
      </c>
      <c r="T81" s="97">
        <v>3.7701936889887336E-2</v>
      </c>
      <c r="U81" s="151">
        <v>7.0999999999999994E-2</v>
      </c>
      <c r="V81" s="97">
        <v>6.7909950641758463E-2</v>
      </c>
    </row>
    <row r="82" spans="1:22">
      <c r="A82" s="241"/>
      <c r="B82" s="241"/>
      <c r="C82" s="241"/>
      <c r="D82" s="241"/>
      <c r="E82" s="241"/>
      <c r="F82" s="241"/>
      <c r="G82" s="241"/>
      <c r="H82" s="241"/>
      <c r="I82" s="241"/>
      <c r="J82" s="241"/>
      <c r="K82" s="241"/>
      <c r="L82" s="241"/>
      <c r="M82" s="241"/>
      <c r="N82" s="241"/>
      <c r="O82" s="241"/>
      <c r="P82" s="241"/>
      <c r="Q82" s="241"/>
      <c r="R82" s="241"/>
      <c r="S82" s="241"/>
      <c r="T82" s="241"/>
      <c r="U82" s="241"/>
      <c r="V82" s="241"/>
    </row>
    <row r="83" spans="1:22">
      <c r="A83" s="241"/>
      <c r="B83" s="241"/>
      <c r="C83" s="241"/>
      <c r="D83" s="241"/>
      <c r="E83" s="241"/>
      <c r="F83" s="241"/>
      <c r="G83" s="241"/>
      <c r="H83" s="241"/>
      <c r="I83" s="241"/>
      <c r="J83" s="241"/>
      <c r="K83" s="241"/>
      <c r="L83" s="241"/>
      <c r="M83" s="241"/>
      <c r="N83" s="241"/>
      <c r="O83" s="241"/>
      <c r="P83" s="241"/>
      <c r="Q83" s="241"/>
      <c r="R83" s="241"/>
      <c r="S83" s="241"/>
      <c r="T83" s="241"/>
      <c r="U83" s="241"/>
      <c r="V83" s="241"/>
    </row>
    <row r="84" spans="1:22">
      <c r="A84" s="241"/>
      <c r="B84" s="241"/>
      <c r="C84" s="241"/>
      <c r="D84" s="241"/>
      <c r="E84" s="241"/>
      <c r="F84" s="241"/>
      <c r="G84" s="241"/>
      <c r="H84" s="241"/>
      <c r="I84" s="241"/>
      <c r="J84" s="241"/>
      <c r="K84" s="241"/>
      <c r="L84" s="241"/>
      <c r="M84" s="241"/>
      <c r="N84" s="241"/>
      <c r="O84" s="241"/>
      <c r="P84" s="241"/>
      <c r="Q84" s="241"/>
      <c r="R84" s="241"/>
      <c r="S84" s="241"/>
      <c r="T84" s="241"/>
      <c r="U84" s="241"/>
      <c r="V84" s="241"/>
    </row>
    <row r="85" spans="1:22">
      <c r="A85" s="241"/>
      <c r="B85" s="241"/>
      <c r="C85" s="241"/>
      <c r="D85" s="241"/>
      <c r="E85" s="241"/>
      <c r="F85" s="241"/>
      <c r="G85" s="241"/>
      <c r="H85" s="241"/>
      <c r="I85" s="241"/>
      <c r="J85" s="241"/>
      <c r="K85" s="241"/>
      <c r="L85" s="241"/>
      <c r="M85" s="241"/>
      <c r="N85" s="241"/>
      <c r="O85" s="241"/>
      <c r="P85" s="241"/>
      <c r="Q85" s="241"/>
      <c r="R85" s="241"/>
      <c r="S85" s="241"/>
      <c r="T85" s="241"/>
      <c r="U85" s="241"/>
      <c r="V85" s="241"/>
    </row>
    <row r="86" spans="1:22">
      <c r="A86" s="241"/>
      <c r="B86" s="241"/>
      <c r="C86" s="241"/>
      <c r="D86" s="241"/>
      <c r="E86" s="241"/>
      <c r="F86" s="241"/>
      <c r="G86" s="241"/>
      <c r="H86" s="241"/>
      <c r="I86" s="241"/>
      <c r="J86" s="241"/>
      <c r="K86" s="241"/>
      <c r="L86" s="241"/>
      <c r="M86" s="241"/>
      <c r="N86" s="241"/>
      <c r="O86" s="241"/>
      <c r="P86" s="241"/>
      <c r="Q86" s="241"/>
      <c r="R86" s="241"/>
      <c r="S86" s="241"/>
      <c r="T86" s="241"/>
      <c r="U86" s="241"/>
      <c r="V86" s="241"/>
    </row>
    <row r="87" spans="1:22">
      <c r="A87" s="241"/>
      <c r="B87" s="241"/>
      <c r="C87" s="241"/>
      <c r="D87" s="241"/>
      <c r="E87" s="241"/>
      <c r="F87" s="241"/>
      <c r="G87" s="241"/>
      <c r="H87" s="241"/>
      <c r="I87" s="241"/>
      <c r="J87" s="241"/>
      <c r="K87" s="241"/>
      <c r="L87" s="241"/>
      <c r="M87" s="241"/>
      <c r="N87" s="241"/>
      <c r="O87" s="241"/>
      <c r="P87" s="241"/>
      <c r="Q87" s="241"/>
      <c r="R87" s="241"/>
      <c r="S87" s="241"/>
      <c r="T87" s="241"/>
      <c r="U87" s="241"/>
      <c r="V87" s="241"/>
    </row>
    <row r="88" spans="1:22">
      <c r="A88" s="241"/>
      <c r="B88" s="241"/>
      <c r="C88" s="241"/>
      <c r="D88" s="241"/>
      <c r="E88" s="241"/>
      <c r="F88" s="241"/>
      <c r="G88" s="241"/>
      <c r="H88" s="241"/>
      <c r="I88" s="241"/>
      <c r="J88" s="241"/>
      <c r="K88" s="241"/>
      <c r="L88" s="241"/>
      <c r="M88" s="241"/>
      <c r="N88" s="241"/>
      <c r="O88" s="241"/>
      <c r="P88" s="241"/>
      <c r="Q88" s="241"/>
      <c r="R88" s="241"/>
      <c r="S88" s="241"/>
      <c r="T88" s="241"/>
      <c r="U88" s="241"/>
      <c r="V88" s="241"/>
    </row>
    <row r="89" spans="1:22" s="248" customFormat="1">
      <c r="A89" s="241"/>
      <c r="B89" s="249"/>
      <c r="C89" s="250"/>
      <c r="D89" s="247"/>
      <c r="E89" s="251"/>
      <c r="F89" s="247"/>
      <c r="G89" s="251"/>
      <c r="H89" s="247"/>
      <c r="I89" s="249"/>
      <c r="J89" s="251"/>
      <c r="K89" s="247"/>
      <c r="L89" s="251"/>
      <c r="M89" s="247"/>
      <c r="N89" s="251"/>
      <c r="O89" s="247"/>
    </row>
    <row r="90" spans="1:22" ht="18.75">
      <c r="A90" s="316" t="s">
        <v>230</v>
      </c>
      <c r="B90" s="316"/>
      <c r="C90" s="316"/>
      <c r="D90" s="316"/>
      <c r="E90" s="316"/>
      <c r="F90" s="316"/>
      <c r="G90" s="316"/>
      <c r="H90" s="316"/>
      <c r="I90" s="316"/>
      <c r="J90" s="229"/>
      <c r="K90" s="229"/>
    </row>
    <row r="91" spans="1:22" ht="71.25" customHeight="1">
      <c r="A91" s="363" t="s">
        <v>480</v>
      </c>
      <c r="B91" s="363"/>
      <c r="C91" s="363"/>
      <c r="D91" s="363"/>
      <c r="E91" s="363"/>
      <c r="F91" s="363"/>
      <c r="G91" s="363"/>
      <c r="H91" s="363"/>
      <c r="I91" s="363"/>
      <c r="J91" s="229"/>
      <c r="K91" s="229"/>
    </row>
    <row r="92" spans="1:22" ht="24" customHeight="1">
      <c r="A92" s="361" t="s">
        <v>230</v>
      </c>
      <c r="B92" s="361"/>
      <c r="C92" s="361"/>
      <c r="D92" s="361"/>
      <c r="E92" s="365" t="s">
        <v>231</v>
      </c>
      <c r="F92" s="366"/>
      <c r="G92" s="366"/>
      <c r="H92" s="366"/>
      <c r="I92" s="367"/>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4</v>
      </c>
      <c r="D94" s="44" t="s">
        <v>91</v>
      </c>
      <c r="E94" s="42" t="s">
        <v>89</v>
      </c>
      <c r="F94" s="42" t="s">
        <v>232</v>
      </c>
      <c r="G94" s="91" t="s">
        <v>104</v>
      </c>
      <c r="H94" s="42" t="s">
        <v>234</v>
      </c>
      <c r="I94" s="91" t="s">
        <v>104</v>
      </c>
    </row>
    <row r="95" spans="1:22">
      <c r="A95" s="45" t="s">
        <v>436</v>
      </c>
      <c r="B95" s="143">
        <v>9248</v>
      </c>
      <c r="C95" s="84">
        <v>11.39</v>
      </c>
      <c r="D95" s="85">
        <v>9.8000000000000004E-2</v>
      </c>
      <c r="E95" s="83">
        <v>9248</v>
      </c>
      <c r="F95" s="98">
        <v>0.90700000000000003</v>
      </c>
      <c r="G95" s="94">
        <v>6.0440164559000106E-3</v>
      </c>
      <c r="H95" s="98">
        <v>9.2999999999999999E-2</v>
      </c>
      <c r="I95" s="94">
        <v>6.0440164559000097E-3</v>
      </c>
    </row>
    <row r="96" spans="1:22">
      <c r="A96" s="49" t="s">
        <v>437</v>
      </c>
      <c r="B96" s="49">
        <v>8621</v>
      </c>
      <c r="C96" s="145">
        <v>11.39166</v>
      </c>
      <c r="D96" s="146">
        <v>0.101354736</v>
      </c>
      <c r="E96" s="123">
        <v>8621</v>
      </c>
      <c r="F96" s="147">
        <v>0.90700000000000003</v>
      </c>
      <c r="G96" s="97">
        <v>6.2602351142158766E-3</v>
      </c>
      <c r="H96" s="147">
        <v>9.2899999999999996E-2</v>
      </c>
      <c r="I96" s="97">
        <v>6.2572216945133638E-3</v>
      </c>
    </row>
    <row r="97" spans="1:9">
      <c r="A97" s="53" t="s">
        <v>438</v>
      </c>
      <c r="B97" s="53">
        <v>824</v>
      </c>
      <c r="C97" s="84">
        <v>12.37</v>
      </c>
      <c r="D97" s="85">
        <v>0.3332</v>
      </c>
      <c r="E97" s="83">
        <v>824</v>
      </c>
      <c r="F97" s="98">
        <v>0.87990000000000002</v>
      </c>
      <c r="G97" s="94">
        <v>2.2742738574537093E-2</v>
      </c>
      <c r="H97" s="98">
        <v>0.1201</v>
      </c>
      <c r="I97" s="94">
        <v>2.2742738574537097E-2</v>
      </c>
    </row>
    <row r="98" spans="1:9">
      <c r="A98" s="49" t="s">
        <v>439</v>
      </c>
      <c r="B98" s="49">
        <v>799</v>
      </c>
      <c r="C98" s="145">
        <v>11.53</v>
      </c>
      <c r="D98" s="146">
        <v>0.31359999999999999</v>
      </c>
      <c r="E98" s="123">
        <v>799</v>
      </c>
      <c r="F98" s="147">
        <v>0.88900000000000001</v>
      </c>
      <c r="G98" s="97">
        <v>2.2339261391300443E-2</v>
      </c>
      <c r="H98" s="147">
        <v>0.111</v>
      </c>
      <c r="I98" s="97">
        <v>2.2339261391300443E-2</v>
      </c>
    </row>
    <row r="99" spans="1:9">
      <c r="A99" s="53" t="s">
        <v>440</v>
      </c>
      <c r="B99" s="53">
        <v>710</v>
      </c>
      <c r="C99" s="84">
        <v>11.19</v>
      </c>
      <c r="D99" s="85">
        <v>0.3332</v>
      </c>
      <c r="E99" s="83">
        <v>710</v>
      </c>
      <c r="F99" s="98">
        <v>0.90400000000000003</v>
      </c>
      <c r="G99" s="94">
        <v>2.2280064590286374E-2</v>
      </c>
      <c r="H99" s="98">
        <v>9.6000000000000002E-2</v>
      </c>
      <c r="I99" s="94">
        <v>2.2280064590286378E-2</v>
      </c>
    </row>
    <row r="100" spans="1:9">
      <c r="A100" s="49" t="s">
        <v>453</v>
      </c>
      <c r="B100" s="49">
        <v>130</v>
      </c>
      <c r="C100" s="145">
        <v>10.98</v>
      </c>
      <c r="D100" s="146">
        <v>0.82319999999999993</v>
      </c>
      <c r="E100" s="123">
        <v>130</v>
      </c>
      <c r="F100" s="147">
        <v>0.94</v>
      </c>
      <c r="G100" s="97">
        <v>4.4982815416557465E-2</v>
      </c>
      <c r="H100" s="147">
        <v>0.06</v>
      </c>
      <c r="I100" s="97">
        <v>4.4982815416557451E-2</v>
      </c>
    </row>
    <row r="101" spans="1:9">
      <c r="A101" s="53" t="s">
        <v>441</v>
      </c>
      <c r="B101" s="53">
        <v>76</v>
      </c>
      <c r="C101" s="84">
        <v>10.29</v>
      </c>
      <c r="D101" s="85">
        <v>1.1172</v>
      </c>
      <c r="E101" s="83">
        <v>76</v>
      </c>
      <c r="F101" s="98">
        <v>0.91500000000000004</v>
      </c>
      <c r="G101" s="94">
        <v>6.8762976048161228E-2</v>
      </c>
      <c r="H101" s="98">
        <v>8.5000000000000006E-2</v>
      </c>
      <c r="I101" s="94">
        <v>6.876297604816127E-2</v>
      </c>
    </row>
    <row r="102" spans="1:9">
      <c r="A102" s="49" t="s">
        <v>446</v>
      </c>
      <c r="B102" s="49">
        <v>93</v>
      </c>
      <c r="C102" s="145">
        <v>13.43</v>
      </c>
      <c r="D102" s="146">
        <v>1.0584</v>
      </c>
      <c r="E102" s="123">
        <v>93</v>
      </c>
      <c r="F102" s="147">
        <v>0.76200000000000001</v>
      </c>
      <c r="G102" s="97">
        <v>8.7790902409058291E-2</v>
      </c>
      <c r="H102" s="147">
        <v>0.23799999999999999</v>
      </c>
      <c r="I102" s="97">
        <v>8.7790902409058291E-2</v>
      </c>
    </row>
    <row r="103" spans="1:9">
      <c r="A103" s="53" t="s">
        <v>447</v>
      </c>
      <c r="B103" s="53">
        <v>108</v>
      </c>
      <c r="C103" s="84">
        <v>11.22</v>
      </c>
      <c r="D103" s="85">
        <v>0.78400000000000003</v>
      </c>
      <c r="E103" s="83">
        <v>108</v>
      </c>
      <c r="F103" s="98">
        <v>0.90700000000000003</v>
      </c>
      <c r="G103" s="94">
        <v>5.8545398879470183E-2</v>
      </c>
      <c r="H103" s="98">
        <v>9.2999999999999999E-2</v>
      </c>
      <c r="I103" s="94">
        <v>5.8545398879470183E-2</v>
      </c>
    </row>
    <row r="104" spans="1:9">
      <c r="A104" s="49" t="s">
        <v>442</v>
      </c>
      <c r="B104" s="49">
        <v>75</v>
      </c>
      <c r="C104" s="145">
        <v>12</v>
      </c>
      <c r="D104" s="146">
        <v>0.96039999999999992</v>
      </c>
      <c r="E104" s="123">
        <v>75</v>
      </c>
      <c r="F104" s="147">
        <v>0.88600000000000001</v>
      </c>
      <c r="G104" s="97">
        <v>7.6542442175655465E-2</v>
      </c>
      <c r="H104" s="147">
        <v>0.114</v>
      </c>
      <c r="I104" s="97">
        <v>7.6542442175655478E-2</v>
      </c>
    </row>
    <row r="105" spans="1:9">
      <c r="A105" s="45" t="s">
        <v>448</v>
      </c>
      <c r="B105" s="143">
        <v>280</v>
      </c>
      <c r="C105" s="84">
        <v>11.4</v>
      </c>
      <c r="D105" s="85">
        <v>0.5292</v>
      </c>
      <c r="E105" s="83">
        <v>280</v>
      </c>
      <c r="F105" s="98">
        <v>0.89100000000000001</v>
      </c>
      <c r="G105" s="94">
        <v>3.7790225192645577E-2</v>
      </c>
      <c r="H105" s="98">
        <v>0.109</v>
      </c>
      <c r="I105" s="94">
        <v>3.7790225192645591E-2</v>
      </c>
    </row>
    <row r="106" spans="1:9" ht="25.5">
      <c r="A106" s="49" t="s">
        <v>443</v>
      </c>
      <c r="B106" s="144">
        <v>123</v>
      </c>
      <c r="C106" s="145">
        <v>10.56</v>
      </c>
      <c r="D106" s="146">
        <v>0.68599999999999994</v>
      </c>
      <c r="E106" s="123">
        <v>123</v>
      </c>
      <c r="F106" s="147">
        <v>0.94599999999999995</v>
      </c>
      <c r="G106" s="97">
        <v>4.4692058046826334E-2</v>
      </c>
      <c r="H106" s="147">
        <v>5.3999999999999999E-2</v>
      </c>
      <c r="I106" s="97">
        <v>4.4692058046826313E-2</v>
      </c>
    </row>
    <row r="107" spans="1:9" ht="25.5">
      <c r="A107" s="53" t="s">
        <v>444</v>
      </c>
      <c r="B107" s="83">
        <v>79</v>
      </c>
      <c r="C107" s="84">
        <v>13.56</v>
      </c>
      <c r="D107" s="85">
        <v>1.1367999999999998</v>
      </c>
      <c r="E107" s="83">
        <v>79</v>
      </c>
      <c r="F107" s="98">
        <v>0.70899999999999996</v>
      </c>
      <c r="G107" s="94">
        <v>0.10070301460141488</v>
      </c>
      <c r="H107" s="98">
        <v>0.29099999999999998</v>
      </c>
      <c r="I107" s="94">
        <v>0.10070301460141488</v>
      </c>
    </row>
    <row r="108" spans="1:9">
      <c r="A108" s="49" t="s">
        <v>445</v>
      </c>
      <c r="B108" s="144">
        <v>78</v>
      </c>
      <c r="C108" s="145">
        <v>10.9</v>
      </c>
      <c r="D108" s="146">
        <v>0.96039999999999992</v>
      </c>
      <c r="E108" s="123">
        <v>78</v>
      </c>
      <c r="F108" s="147">
        <v>0.95599999999999996</v>
      </c>
      <c r="G108" s="97">
        <v>5.4930398456314124E-2</v>
      </c>
      <c r="H108" s="147">
        <v>4.3999999999999997E-2</v>
      </c>
      <c r="I108" s="97">
        <v>5.4930398456314103E-2</v>
      </c>
    </row>
    <row r="109" spans="1:9">
      <c r="A109" s="57" t="s">
        <v>449</v>
      </c>
      <c r="B109" s="143">
        <v>103</v>
      </c>
      <c r="C109" s="84">
        <v>11.67</v>
      </c>
      <c r="D109" s="85">
        <v>0.94079999999999997</v>
      </c>
      <c r="E109" s="83">
        <v>103</v>
      </c>
      <c r="F109" s="98">
        <v>0.89600000000000002</v>
      </c>
      <c r="G109" s="94">
        <v>6.2558954648472526E-2</v>
      </c>
      <c r="H109" s="98">
        <v>0.104</v>
      </c>
      <c r="I109" s="94">
        <v>6.2558954648472526E-2</v>
      </c>
    </row>
    <row r="110" spans="1:9">
      <c r="A110" s="49" t="s">
        <v>454</v>
      </c>
      <c r="B110" s="144">
        <v>76</v>
      </c>
      <c r="C110" s="145">
        <v>10.68</v>
      </c>
      <c r="D110" s="146">
        <v>0.94079999999999997</v>
      </c>
      <c r="E110" s="123">
        <v>76</v>
      </c>
      <c r="F110" s="147">
        <v>0.90800000000000003</v>
      </c>
      <c r="G110" s="97">
        <v>7.06279831228388E-2</v>
      </c>
      <c r="H110" s="147">
        <v>9.1999999999999998E-2</v>
      </c>
      <c r="I110" s="97">
        <v>7.0627983122838786E-2</v>
      </c>
    </row>
    <row r="119" spans="1:4" ht="18.75">
      <c r="A119" s="316" t="s">
        <v>431</v>
      </c>
      <c r="B119" s="316"/>
      <c r="C119" s="316"/>
      <c r="D119" s="316"/>
    </row>
    <row r="120" spans="1:4" ht="89.25" customHeight="1">
      <c r="A120" s="360" t="s">
        <v>481</v>
      </c>
      <c r="B120" s="360"/>
      <c r="C120" s="360"/>
      <c r="D120" s="360"/>
    </row>
    <row r="121" spans="1:4" ht="32.25" customHeight="1">
      <c r="A121" s="368" t="s">
        <v>138</v>
      </c>
      <c r="B121" s="361"/>
      <c r="C121" s="361"/>
      <c r="D121" s="361"/>
    </row>
    <row r="122" spans="1:4" ht="37.5" customHeight="1">
      <c r="A122" s="37" t="s">
        <v>85</v>
      </c>
      <c r="B122" s="38" t="s">
        <v>86</v>
      </c>
      <c r="C122" s="39" t="s">
        <v>87</v>
      </c>
      <c r="D122" s="40" t="s">
        <v>88</v>
      </c>
    </row>
    <row r="123" spans="1:4" ht="84">
      <c r="A123" s="41"/>
      <c r="B123" s="42" t="s">
        <v>89</v>
      </c>
      <c r="C123" s="43" t="s">
        <v>139</v>
      </c>
      <c r="D123" s="44" t="s">
        <v>91</v>
      </c>
    </row>
    <row r="124" spans="1:4">
      <c r="A124" s="45" t="s">
        <v>436</v>
      </c>
      <c r="B124" s="298">
        <v>7011</v>
      </c>
      <c r="C124" s="84">
        <v>5.12</v>
      </c>
      <c r="D124" s="85">
        <v>3.9199999999999999E-2</v>
      </c>
    </row>
    <row r="125" spans="1:4">
      <c r="A125" s="49" t="s">
        <v>437</v>
      </c>
      <c r="B125" s="299">
        <v>6498</v>
      </c>
      <c r="C125" s="145">
        <v>5.1043620000000001</v>
      </c>
      <c r="D125" s="146">
        <v>3.7689623999999998E-2</v>
      </c>
    </row>
    <row r="126" spans="1:4">
      <c r="A126" s="53" t="s">
        <v>438</v>
      </c>
      <c r="B126" s="298">
        <v>621</v>
      </c>
      <c r="C126" s="84">
        <v>4.87</v>
      </c>
      <c r="D126" s="85">
        <v>0.1176</v>
      </c>
    </row>
    <row r="127" spans="1:4">
      <c r="A127" s="49" t="s">
        <v>439</v>
      </c>
      <c r="B127" s="299">
        <v>628</v>
      </c>
      <c r="C127" s="145">
        <v>5.07</v>
      </c>
      <c r="D127" s="146">
        <v>0.1176</v>
      </c>
    </row>
    <row r="128" spans="1:4">
      <c r="A128" s="53" t="s">
        <v>440</v>
      </c>
      <c r="B128" s="298">
        <v>550</v>
      </c>
      <c r="C128" s="84">
        <v>5.0999999999999996</v>
      </c>
      <c r="D128" s="85">
        <v>0.1176</v>
      </c>
    </row>
    <row r="129" spans="1:4">
      <c r="A129" s="49" t="s">
        <v>453</v>
      </c>
      <c r="B129" s="299">
        <v>94</v>
      </c>
      <c r="C129" s="145">
        <v>5.38</v>
      </c>
      <c r="D129" s="146">
        <v>0.31359999999999999</v>
      </c>
    </row>
    <row r="130" spans="1:4">
      <c r="A130" s="53" t="s">
        <v>441</v>
      </c>
      <c r="B130" s="298">
        <v>52</v>
      </c>
      <c r="C130" s="84">
        <v>5.19</v>
      </c>
      <c r="D130" s="85">
        <v>0.41159999999999997</v>
      </c>
    </row>
    <row r="131" spans="1:4">
      <c r="A131" s="49" t="s">
        <v>446</v>
      </c>
      <c r="B131" s="299">
        <v>80</v>
      </c>
      <c r="C131" s="145">
        <v>4.8099999999999996</v>
      </c>
      <c r="D131" s="146">
        <v>0.39200000000000002</v>
      </c>
    </row>
    <row r="132" spans="1:4">
      <c r="A132" s="53" t="s">
        <v>447</v>
      </c>
      <c r="B132" s="298">
        <v>96</v>
      </c>
      <c r="C132" s="84">
        <v>4.51</v>
      </c>
      <c r="D132" s="85">
        <v>0.3332</v>
      </c>
    </row>
    <row r="133" spans="1:4">
      <c r="A133" s="49" t="s">
        <v>442</v>
      </c>
      <c r="B133" s="299">
        <v>66</v>
      </c>
      <c r="C133" s="145">
        <v>4.47</v>
      </c>
      <c r="D133" s="146">
        <v>0.41159999999999997</v>
      </c>
    </row>
    <row r="134" spans="1:4">
      <c r="A134" s="45" t="s">
        <v>448</v>
      </c>
      <c r="B134" s="298">
        <v>212</v>
      </c>
      <c r="C134" s="84">
        <v>5.32</v>
      </c>
      <c r="D134" s="85">
        <v>0.19600000000000001</v>
      </c>
    </row>
    <row r="135" spans="1:4" ht="25.5">
      <c r="A135" s="49" t="s">
        <v>443</v>
      </c>
      <c r="B135" s="299">
        <v>94</v>
      </c>
      <c r="C135" s="145">
        <v>5.44</v>
      </c>
      <c r="D135" s="146">
        <v>0.25480000000000003</v>
      </c>
    </row>
    <row r="136" spans="1:4" ht="25.5">
      <c r="A136" s="53" t="s">
        <v>444</v>
      </c>
      <c r="B136" s="298">
        <v>62</v>
      </c>
      <c r="C136" s="84">
        <v>5.18</v>
      </c>
      <c r="D136" s="85">
        <v>0.3528</v>
      </c>
    </row>
    <row r="137" spans="1:4">
      <c r="A137" s="49" t="s">
        <v>445</v>
      </c>
      <c r="B137" s="299">
        <v>56</v>
      </c>
      <c r="C137" s="145">
        <v>5.26</v>
      </c>
      <c r="D137" s="146">
        <v>0.45080000000000003</v>
      </c>
    </row>
    <row r="138" spans="1:4">
      <c r="A138" s="57" t="s">
        <v>449</v>
      </c>
      <c r="B138" s="298">
        <v>81</v>
      </c>
      <c r="C138" s="84">
        <v>5.12</v>
      </c>
      <c r="D138" s="85">
        <v>0.31359999999999999</v>
      </c>
    </row>
    <row r="139" spans="1:4">
      <c r="A139" s="49" t="s">
        <v>454</v>
      </c>
      <c r="B139" s="299">
        <v>58</v>
      </c>
      <c r="C139" s="145">
        <v>5.33</v>
      </c>
      <c r="D139" s="146">
        <v>0.3332</v>
      </c>
    </row>
    <row r="148" spans="1:26" ht="18.75">
      <c r="A148" s="316" t="s">
        <v>432</v>
      </c>
      <c r="B148" s="316"/>
      <c r="C148" s="316"/>
      <c r="D148" s="316"/>
      <c r="E148" s="316"/>
      <c r="F148" s="316"/>
      <c r="G148" s="316"/>
      <c r="H148" s="316"/>
      <c r="I148" s="316"/>
      <c r="J148" s="316"/>
      <c r="K148" s="316"/>
      <c r="L148" s="316"/>
      <c r="M148" s="316"/>
      <c r="N148" s="316"/>
      <c r="O148" s="316"/>
      <c r="P148" s="316"/>
      <c r="Q148" s="316"/>
      <c r="R148" s="316"/>
      <c r="S148" s="316"/>
      <c r="T148" s="316"/>
      <c r="U148" s="316"/>
      <c r="V148" s="316"/>
    </row>
    <row r="149" spans="1:26" ht="35.25" customHeight="1">
      <c r="A149" s="363" t="s">
        <v>482</v>
      </c>
      <c r="B149" s="363"/>
      <c r="C149" s="363"/>
      <c r="D149" s="363"/>
      <c r="E149" s="363"/>
      <c r="F149" s="363"/>
      <c r="G149" s="363"/>
      <c r="H149" s="363"/>
      <c r="I149" s="363"/>
      <c r="J149" s="363"/>
      <c r="K149" s="363"/>
      <c r="L149" s="363"/>
      <c r="M149" s="363"/>
      <c r="N149" s="363"/>
      <c r="O149" s="363"/>
      <c r="P149" s="363"/>
      <c r="Q149" s="363"/>
      <c r="R149" s="363"/>
      <c r="S149" s="363"/>
      <c r="T149" s="363"/>
      <c r="U149" s="363"/>
      <c r="V149" s="363"/>
    </row>
    <row r="150" spans="1:26" ht="38.25" customHeight="1">
      <c r="A150" s="64" t="s">
        <v>85</v>
      </c>
      <c r="B150" s="362" t="s">
        <v>345</v>
      </c>
      <c r="C150" s="362"/>
      <c r="D150" s="362"/>
      <c r="E150" s="362"/>
      <c r="F150" s="362"/>
      <c r="G150" s="362"/>
      <c r="H150" s="362"/>
      <c r="I150" s="376" t="s">
        <v>238</v>
      </c>
      <c r="J150" s="377"/>
      <c r="K150" s="377"/>
      <c r="L150" s="377"/>
      <c r="M150" s="377"/>
      <c r="N150" s="377"/>
      <c r="O150" s="378"/>
      <c r="P150" s="373" t="s">
        <v>260</v>
      </c>
      <c r="Q150" s="374"/>
      <c r="R150" s="374"/>
      <c r="S150" s="374"/>
      <c r="T150" s="374"/>
      <c r="U150" s="374"/>
      <c r="V150" s="375"/>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1"/>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6</v>
      </c>
      <c r="B153" s="148">
        <v>9276</v>
      </c>
      <c r="C153" s="150">
        <v>0.13600000000000001</v>
      </c>
      <c r="D153" s="94">
        <v>7.1202175744412774E-3</v>
      </c>
      <c r="E153" s="150">
        <v>0.10299999999999999</v>
      </c>
      <c r="F153" s="94">
        <v>6.3152402057032589E-3</v>
      </c>
      <c r="G153" s="150">
        <v>0.753</v>
      </c>
      <c r="H153" s="94">
        <v>8.9550161314121256E-3</v>
      </c>
      <c r="I153" s="148">
        <v>9217</v>
      </c>
      <c r="J153" s="150">
        <v>0.16600000000000001</v>
      </c>
      <c r="K153" s="94">
        <v>7.7522857540576638E-3</v>
      </c>
      <c r="L153" s="150">
        <v>0.09</v>
      </c>
      <c r="M153" s="94">
        <v>5.9658068230432019E-3</v>
      </c>
      <c r="N153" s="150">
        <v>0.54</v>
      </c>
      <c r="O153" s="94">
        <v>1.0380493327592522E-2</v>
      </c>
      <c r="P153" s="148">
        <v>9217</v>
      </c>
      <c r="Q153" s="150">
        <v>0.114</v>
      </c>
      <c r="R153" s="94">
        <v>6.6235061239835148E-3</v>
      </c>
      <c r="S153" s="150">
        <v>8.2000000000000003E-2</v>
      </c>
      <c r="T153" s="94">
        <v>5.7201313275713596E-3</v>
      </c>
      <c r="U153" s="150">
        <v>0.77</v>
      </c>
      <c r="V153" s="94">
        <v>8.7665312126002475E-3</v>
      </c>
    </row>
    <row r="154" spans="1:26">
      <c r="A154" s="49" t="s">
        <v>437</v>
      </c>
      <c r="B154" s="149">
        <v>9197</v>
      </c>
      <c r="C154" s="151">
        <v>0.14000000000000001</v>
      </c>
      <c r="D154" s="97">
        <v>7.23817059315357E-3</v>
      </c>
      <c r="E154" s="151">
        <v>0.11</v>
      </c>
      <c r="F154" s="97">
        <v>6.5282517544928698E-3</v>
      </c>
      <c r="G154" s="151">
        <v>0.75</v>
      </c>
      <c r="H154" s="97">
        <v>9.0297562676581438E-3</v>
      </c>
      <c r="I154" s="149">
        <v>6503</v>
      </c>
      <c r="J154" s="151">
        <v>0.218</v>
      </c>
      <c r="K154" s="97">
        <v>1.0239899133076573E-2</v>
      </c>
      <c r="L154" s="151">
        <v>0.108</v>
      </c>
      <c r="M154" s="97">
        <v>7.7029874474262927E-3</v>
      </c>
      <c r="N154" s="151">
        <v>0.67300000000000004</v>
      </c>
      <c r="O154" s="97">
        <v>1.1632077679393428E-2</v>
      </c>
      <c r="P154" s="149">
        <v>8245</v>
      </c>
      <c r="Q154" s="151">
        <v>0.122</v>
      </c>
      <c r="R154" s="97">
        <v>7.2116921733752729E-3</v>
      </c>
      <c r="S154" s="151">
        <v>8.4000000000000005E-2</v>
      </c>
      <c r="T154" s="97">
        <v>6.1149053679823836E-3</v>
      </c>
      <c r="U154" s="151">
        <v>0.79300000000000004</v>
      </c>
      <c r="V154" s="97">
        <v>8.9240335224626353E-3</v>
      </c>
    </row>
    <row r="155" spans="1:26">
      <c r="A155" s="53" t="s">
        <v>438</v>
      </c>
      <c r="B155" s="148">
        <v>827</v>
      </c>
      <c r="C155" s="150">
        <v>0.15720000000000001</v>
      </c>
      <c r="D155" s="94">
        <v>2.5360621051829763E-2</v>
      </c>
      <c r="E155" s="150">
        <v>0.1061</v>
      </c>
      <c r="F155" s="94">
        <v>2.153360641377321E-2</v>
      </c>
      <c r="G155" s="150">
        <v>0.73660000000000003</v>
      </c>
      <c r="H155" s="94">
        <v>3.0602301708218295E-2</v>
      </c>
      <c r="I155" s="148">
        <v>621</v>
      </c>
      <c r="J155" s="150">
        <v>0.26379999999999998</v>
      </c>
      <c r="K155" s="94">
        <v>3.5319922306195642E-2</v>
      </c>
      <c r="L155" s="150">
        <v>0.1159</v>
      </c>
      <c r="M155" s="94">
        <v>2.5842546874374733E-2</v>
      </c>
      <c r="N155" s="150">
        <v>0.62029999999999996</v>
      </c>
      <c r="O155" s="94">
        <v>3.8840190316748437E-2</v>
      </c>
      <c r="P155" s="148">
        <v>801</v>
      </c>
      <c r="Q155" s="150">
        <v>0.16539999999999999</v>
      </c>
      <c r="R155" s="94">
        <v>2.6295283895361683E-2</v>
      </c>
      <c r="S155" s="150">
        <v>0.1024</v>
      </c>
      <c r="T155" s="94">
        <v>2.1552348566486808E-2</v>
      </c>
      <c r="U155" s="150">
        <v>0.73219999999999996</v>
      </c>
      <c r="V155" s="94">
        <v>3.1256712932594272E-2</v>
      </c>
    </row>
    <row r="156" spans="1:26">
      <c r="A156" s="49" t="s">
        <v>439</v>
      </c>
      <c r="B156" s="149">
        <v>801</v>
      </c>
      <c r="C156" s="151">
        <v>0.18099999999999999</v>
      </c>
      <c r="D156" s="97">
        <v>2.7232404603252484E-2</v>
      </c>
      <c r="E156" s="151">
        <v>9.0999999999999998E-2</v>
      </c>
      <c r="F156" s="97">
        <v>2.0475986801093613E-2</v>
      </c>
      <c r="G156" s="151">
        <v>0.72299999999999998</v>
      </c>
      <c r="H156" s="97">
        <v>3.1584568400703172E-2</v>
      </c>
      <c r="I156" s="149">
        <v>798</v>
      </c>
      <c r="J156" s="151">
        <v>0.17499999999999999</v>
      </c>
      <c r="K156" s="97">
        <v>2.6931703451830602E-2</v>
      </c>
      <c r="L156" s="151">
        <v>6.9000000000000006E-2</v>
      </c>
      <c r="M156" s="97">
        <v>1.8155240330098469E-2</v>
      </c>
      <c r="N156" s="151">
        <v>0.55300000000000005</v>
      </c>
      <c r="O156" s="97">
        <v>3.5114273733413935E-2</v>
      </c>
      <c r="P156" s="149">
        <v>800</v>
      </c>
      <c r="Q156" s="151">
        <v>0.13300000000000001</v>
      </c>
      <c r="R156" s="97">
        <v>2.4090196933897582E-2</v>
      </c>
      <c r="S156" s="151">
        <v>7.9000000000000001E-2</v>
      </c>
      <c r="T156" s="97">
        <v>1.9254540718573718E-2</v>
      </c>
      <c r="U156" s="151">
        <v>0.752</v>
      </c>
      <c r="V156" s="97">
        <v>3.0511910141308957E-2</v>
      </c>
    </row>
    <row r="157" spans="1:26">
      <c r="A157" s="53" t="s">
        <v>440</v>
      </c>
      <c r="B157" s="148">
        <v>706</v>
      </c>
      <c r="C157" s="150">
        <v>0.18</v>
      </c>
      <c r="D157" s="94">
        <v>2.8948769967604905E-2</v>
      </c>
      <c r="E157" s="150">
        <v>0.1</v>
      </c>
      <c r="F157" s="94">
        <v>2.2741379861257904E-2</v>
      </c>
      <c r="G157" s="150">
        <v>0.72</v>
      </c>
      <c r="H157" s="94">
        <v>3.3746679829138392E-2</v>
      </c>
      <c r="I157" s="148">
        <v>553</v>
      </c>
      <c r="J157" s="150">
        <v>0.2</v>
      </c>
      <c r="K157" s="94">
        <v>3.4033249947827027E-2</v>
      </c>
      <c r="L157" s="150">
        <v>8.6999999999999994E-2</v>
      </c>
      <c r="M157" s="94">
        <v>2.4247678829736202E-2</v>
      </c>
      <c r="N157" s="150">
        <v>0.71399999999999997</v>
      </c>
      <c r="O157" s="94">
        <v>3.8355737363548151E-2</v>
      </c>
      <c r="P157" s="148">
        <v>682</v>
      </c>
      <c r="Q157" s="150">
        <v>0.122</v>
      </c>
      <c r="R157" s="94">
        <v>2.518473179678609E-2</v>
      </c>
      <c r="S157" s="150">
        <v>9.4E-2</v>
      </c>
      <c r="T157" s="94">
        <v>2.2533510048772201E-2</v>
      </c>
      <c r="U157" s="150">
        <v>0.78300000000000003</v>
      </c>
      <c r="V157" s="94">
        <v>3.1562078172682632E-2</v>
      </c>
    </row>
    <row r="158" spans="1:26">
      <c r="A158" s="49" t="s">
        <v>453</v>
      </c>
      <c r="B158" s="149">
        <v>129</v>
      </c>
      <c r="C158" s="151">
        <v>0.111</v>
      </c>
      <c r="D158" s="97">
        <v>5.6898311253403049E-2</v>
      </c>
      <c r="E158" s="151">
        <v>8.9999999999999993E-3</v>
      </c>
      <c r="F158" s="97">
        <v>2.6416018685188569E-2</v>
      </c>
      <c r="G158" s="151">
        <v>0.86199999999999999</v>
      </c>
      <c r="H158" s="97">
        <v>6.1734287361457925E-2</v>
      </c>
      <c r="I158" s="149">
        <v>130</v>
      </c>
      <c r="J158" s="151">
        <v>0.13900000000000001</v>
      </c>
      <c r="K158" s="97">
        <v>6.16546068922013E-2</v>
      </c>
      <c r="L158" s="151">
        <v>3.2000000000000001E-2</v>
      </c>
      <c r="M158" s="97">
        <v>3.6182330408236235E-2</v>
      </c>
      <c r="N158" s="151">
        <v>0.59099999999999997</v>
      </c>
      <c r="O158" s="97">
        <v>8.5029583812848267E-2</v>
      </c>
      <c r="P158" s="149">
        <v>129</v>
      </c>
      <c r="Q158" s="151">
        <v>4.3999999999999997E-2</v>
      </c>
      <c r="R158" s="97">
        <v>4.0442420570699134E-2</v>
      </c>
      <c r="S158" s="151">
        <v>6.5000000000000002E-2</v>
      </c>
      <c r="T158" s="97">
        <v>4.6529414310910448E-2</v>
      </c>
      <c r="U158" s="151">
        <v>0.83899999999999997</v>
      </c>
      <c r="V158" s="97">
        <v>6.5324543940204441E-2</v>
      </c>
    </row>
    <row r="159" spans="1:26">
      <c r="A159" s="53" t="s">
        <v>441</v>
      </c>
      <c r="B159" s="148">
        <v>76</v>
      </c>
      <c r="C159" s="150">
        <v>0.13</v>
      </c>
      <c r="D159" s="94">
        <v>7.9513442259783976E-2</v>
      </c>
      <c r="E159" s="150">
        <v>1E-3</v>
      </c>
      <c r="F159" s="94">
        <v>3.5550385019012101E-2</v>
      </c>
      <c r="G159" s="150">
        <v>0.84499999999999997</v>
      </c>
      <c r="H159" s="94">
        <v>8.443338720553617E-2</v>
      </c>
      <c r="I159" s="148">
        <v>76</v>
      </c>
      <c r="J159" s="150">
        <v>0.17199999999999999</v>
      </c>
      <c r="K159" s="94">
        <v>8.7437246068251706E-2</v>
      </c>
      <c r="L159" s="150">
        <v>6.3E-2</v>
      </c>
      <c r="M159" s="94">
        <v>6.2309901901704198E-2</v>
      </c>
      <c r="N159" s="150">
        <v>0.44800000000000001</v>
      </c>
      <c r="O159" s="94">
        <v>0.11125637959236315</v>
      </c>
      <c r="P159" s="148">
        <v>76</v>
      </c>
      <c r="Q159" s="150">
        <v>4.4999999999999998E-2</v>
      </c>
      <c r="R159" s="94">
        <v>5.6196057468473712E-2</v>
      </c>
      <c r="S159" s="150">
        <v>9.8000000000000004E-2</v>
      </c>
      <c r="T159" s="94">
        <v>7.2163837896830299E-2</v>
      </c>
      <c r="U159" s="150">
        <v>0.78400000000000003</v>
      </c>
      <c r="V159" s="94">
        <v>9.4129687134293608E-2</v>
      </c>
    </row>
    <row r="160" spans="1:26">
      <c r="A160" s="49" t="s">
        <v>446</v>
      </c>
      <c r="B160" s="149">
        <v>93</v>
      </c>
      <c r="C160" s="151">
        <v>0.245</v>
      </c>
      <c r="D160" s="97">
        <v>8.8568759849624798E-2</v>
      </c>
      <c r="E160" s="151">
        <v>0.10100000000000001</v>
      </c>
      <c r="F160" s="97">
        <v>6.5380175486793105E-2</v>
      </c>
      <c r="G160" s="151">
        <v>0.65300000000000002</v>
      </c>
      <c r="H160" s="97">
        <v>9.7066632907493414E-2</v>
      </c>
      <c r="I160" s="149">
        <v>93</v>
      </c>
      <c r="J160" s="151">
        <v>0.28299999999999997</v>
      </c>
      <c r="K160" s="97">
        <v>9.2327198089019735E-2</v>
      </c>
      <c r="L160" s="151">
        <v>0.104</v>
      </c>
      <c r="M160" s="97">
        <v>6.6067947784334988E-2</v>
      </c>
      <c r="N160" s="151">
        <v>0.51</v>
      </c>
      <c r="O160" s="97">
        <v>0.10151594813974031</v>
      </c>
      <c r="P160" s="149">
        <v>93</v>
      </c>
      <c r="Q160" s="151">
        <v>0.253</v>
      </c>
      <c r="R160" s="97">
        <v>8.9424027382522614E-2</v>
      </c>
      <c r="S160" s="151">
        <v>4.9000000000000002E-2</v>
      </c>
      <c r="T160" s="97">
        <v>5.0981483156775136E-2</v>
      </c>
      <c r="U160" s="151">
        <v>0.68500000000000005</v>
      </c>
      <c r="V160" s="97">
        <v>9.493122433239233E-2</v>
      </c>
    </row>
    <row r="161" spans="1:22">
      <c r="A161" s="53" t="s">
        <v>447</v>
      </c>
      <c r="B161" s="148">
        <v>110</v>
      </c>
      <c r="C161" s="150">
        <v>0.33200000000000002</v>
      </c>
      <c r="D161" s="94">
        <v>8.8599608659487752E-2</v>
      </c>
      <c r="E161" s="150">
        <v>8.1000000000000003E-2</v>
      </c>
      <c r="F161" s="94">
        <v>5.5105299071267197E-2</v>
      </c>
      <c r="G161" s="150">
        <v>0.58599999999999997</v>
      </c>
      <c r="H161" s="94">
        <v>9.2359691970058166E-2</v>
      </c>
      <c r="I161" s="148">
        <v>109</v>
      </c>
      <c r="J161" s="150">
        <v>0.28000000000000003</v>
      </c>
      <c r="K161" s="94">
        <v>8.5178812811514168E-2</v>
      </c>
      <c r="L161" s="150">
        <v>3.6999999999999998E-2</v>
      </c>
      <c r="M161" s="94">
        <v>4.2296448344584459E-2</v>
      </c>
      <c r="N161" s="150">
        <v>0.58199999999999996</v>
      </c>
      <c r="O161" s="94">
        <v>9.28875254764117E-2</v>
      </c>
      <c r="P161" s="148">
        <v>109</v>
      </c>
      <c r="Q161" s="150">
        <v>0.21299999999999999</v>
      </c>
      <c r="R161" s="94">
        <v>7.8336515386895705E-2</v>
      </c>
      <c r="S161" s="150">
        <v>5.8999999999999997E-2</v>
      </c>
      <c r="T161" s="94">
        <v>4.9437141614636783E-2</v>
      </c>
      <c r="U161" s="150">
        <v>0.71499999999999997</v>
      </c>
      <c r="V161" s="94">
        <v>8.559828896705679E-2</v>
      </c>
    </row>
    <row r="162" spans="1:22">
      <c r="A162" s="49" t="s">
        <v>442</v>
      </c>
      <c r="B162" s="149">
        <v>77</v>
      </c>
      <c r="C162" s="151">
        <v>0.34699999999999998</v>
      </c>
      <c r="D162" s="97">
        <v>0.10630631575496777</v>
      </c>
      <c r="E162" s="151">
        <v>9.9000000000000005E-2</v>
      </c>
      <c r="F162" s="97">
        <v>7.190131867917586E-2</v>
      </c>
      <c r="G162" s="151">
        <v>0.55400000000000005</v>
      </c>
      <c r="H162" s="97">
        <v>0.1105239796088935</v>
      </c>
      <c r="I162" s="149">
        <v>76</v>
      </c>
      <c r="J162" s="151">
        <v>0.255</v>
      </c>
      <c r="K162" s="97">
        <v>9.895136115789413E-2</v>
      </c>
      <c r="L162" s="151">
        <v>4.7E-2</v>
      </c>
      <c r="M162" s="97">
        <v>5.6920504873024448E-2</v>
      </c>
      <c r="N162" s="151">
        <v>0.57599999999999996</v>
      </c>
      <c r="O162" s="97">
        <v>0.11063163200459442</v>
      </c>
      <c r="P162" s="149">
        <v>76</v>
      </c>
      <c r="Q162" s="151">
        <v>0.17599999999999999</v>
      </c>
      <c r="R162" s="97">
        <v>8.8107650065133394E-2</v>
      </c>
      <c r="S162" s="151">
        <v>6.3E-2</v>
      </c>
      <c r="T162" s="97">
        <v>6.2309901901704198E-2</v>
      </c>
      <c r="U162" s="151">
        <v>0.74199999999999999</v>
      </c>
      <c r="V162" s="97">
        <v>9.928393374559652E-2</v>
      </c>
    </row>
    <row r="163" spans="1:22">
      <c r="A163" s="45" t="s">
        <v>448</v>
      </c>
      <c r="B163" s="148">
        <v>282</v>
      </c>
      <c r="C163" s="150">
        <v>0.115</v>
      </c>
      <c r="D163" s="94">
        <v>3.8483882697292013E-2</v>
      </c>
      <c r="E163" s="150">
        <v>0.13900000000000001</v>
      </c>
      <c r="F163" s="94">
        <v>4.1526611360162932E-2</v>
      </c>
      <c r="G163" s="150">
        <v>0.74</v>
      </c>
      <c r="H163" s="94">
        <v>5.2089208277463182E-2</v>
      </c>
      <c r="I163" s="148">
        <v>278</v>
      </c>
      <c r="J163" s="150">
        <v>0.112</v>
      </c>
      <c r="K163" s="94">
        <v>3.8351946653393199E-2</v>
      </c>
      <c r="L163" s="150">
        <v>7.5999999999999998E-2</v>
      </c>
      <c r="M163" s="94">
        <v>3.2678936316715278E-2</v>
      </c>
      <c r="N163" s="150">
        <v>0.56299999999999994</v>
      </c>
      <c r="O163" s="94">
        <v>5.9087961500048448E-2</v>
      </c>
      <c r="P163" s="148">
        <v>281</v>
      </c>
      <c r="Q163" s="150">
        <v>8.5000000000000006E-2</v>
      </c>
      <c r="R163" s="94">
        <v>3.4043410975816417E-2</v>
      </c>
      <c r="S163" s="150">
        <v>0.124</v>
      </c>
      <c r="T163" s="94">
        <v>3.9747377776385553E-2</v>
      </c>
      <c r="U163" s="150">
        <v>0.76100000000000001</v>
      </c>
      <c r="V163" s="94">
        <v>5.0787171981009571E-2</v>
      </c>
    </row>
    <row r="164" spans="1:22" ht="25.5">
      <c r="A164" s="49" t="s">
        <v>443</v>
      </c>
      <c r="B164" s="149">
        <v>124</v>
      </c>
      <c r="C164" s="151">
        <v>7.5999999999999998E-2</v>
      </c>
      <c r="D164" s="97">
        <v>5.0399788411014182E-2</v>
      </c>
      <c r="E164" s="151">
        <v>0.107</v>
      </c>
      <c r="F164" s="97">
        <v>5.7296714946855128E-2</v>
      </c>
      <c r="G164" s="151">
        <v>0.81</v>
      </c>
      <c r="H164" s="97">
        <v>7.0669212343439813E-2</v>
      </c>
      <c r="I164" s="149">
        <v>124</v>
      </c>
      <c r="J164" s="151">
        <v>0.113</v>
      </c>
      <c r="K164" s="97">
        <v>5.8482183107052325E-2</v>
      </c>
      <c r="L164" s="151">
        <v>7.1999999999999995E-2</v>
      </c>
      <c r="M164" s="97">
        <v>4.9398288613764239E-2</v>
      </c>
      <c r="N164" s="151">
        <v>0.56399999999999995</v>
      </c>
      <c r="O164" s="97">
        <v>8.7706185642747E-2</v>
      </c>
      <c r="P164" s="149">
        <v>124</v>
      </c>
      <c r="Q164" s="151">
        <v>8.5000000000000006E-2</v>
      </c>
      <c r="R164" s="97">
        <v>5.2550830756824596E-2</v>
      </c>
      <c r="S164" s="151">
        <v>6.4000000000000001E-2</v>
      </c>
      <c r="T164" s="97">
        <v>4.7302008207567144E-2</v>
      </c>
      <c r="U164" s="151">
        <v>0.83299999999999996</v>
      </c>
      <c r="V164" s="97">
        <v>6.7530843060073648E-2</v>
      </c>
    </row>
    <row r="165" spans="1:22" ht="25.5">
      <c r="A165" s="53" t="s">
        <v>444</v>
      </c>
      <c r="B165" s="148">
        <v>80</v>
      </c>
      <c r="C165" s="150">
        <v>0.125</v>
      </c>
      <c r="D165" s="94">
        <v>7.6360354832121252E-2</v>
      </c>
      <c r="E165" s="150">
        <v>0.27600000000000002</v>
      </c>
      <c r="F165" s="94">
        <v>9.8679106894854596E-2</v>
      </c>
      <c r="G165" s="150">
        <v>0.59799999999999998</v>
      </c>
      <c r="H165" s="94">
        <v>0.10719117076488666</v>
      </c>
      <c r="I165" s="148">
        <v>78</v>
      </c>
      <c r="J165" s="150">
        <v>6.7000000000000004E-2</v>
      </c>
      <c r="K165" s="94">
        <v>6.2608529354556755E-2</v>
      </c>
      <c r="L165" s="150">
        <v>0.128</v>
      </c>
      <c r="M165" s="94">
        <v>7.8020506478956281E-2</v>
      </c>
      <c r="N165" s="150">
        <v>0.58799999999999997</v>
      </c>
      <c r="O165" s="94">
        <v>0.10887295909843431</v>
      </c>
      <c r="P165" s="148">
        <v>80</v>
      </c>
      <c r="Q165" s="150">
        <v>6.4000000000000001E-2</v>
      </c>
      <c r="R165" s="94">
        <v>6.0779587841971502E-2</v>
      </c>
      <c r="S165" s="150">
        <v>0.29899999999999999</v>
      </c>
      <c r="T165" s="94">
        <v>0.10079566837840005</v>
      </c>
      <c r="U165" s="150">
        <v>0.61499999999999999</v>
      </c>
      <c r="V165" s="94">
        <v>0.1064591437723081</v>
      </c>
    </row>
    <row r="166" spans="1:22">
      <c r="A166" s="49" t="s">
        <v>445</v>
      </c>
      <c r="B166" s="149">
        <v>78</v>
      </c>
      <c r="C166" s="151">
        <v>0.16400000000000001</v>
      </c>
      <c r="D166" s="97">
        <v>8.4924529998558013E-2</v>
      </c>
      <c r="E166" s="151">
        <v>7.4999999999999997E-2</v>
      </c>
      <c r="F166" s="97">
        <v>6.4982979959758019E-2</v>
      </c>
      <c r="G166" s="151">
        <v>0.75</v>
      </c>
      <c r="H166" s="97">
        <v>9.7141797282771419E-2</v>
      </c>
      <c r="I166" s="149">
        <v>76</v>
      </c>
      <c r="J166" s="151">
        <v>0.14799999999999999</v>
      </c>
      <c r="K166" s="97">
        <v>8.31193840208167E-2</v>
      </c>
      <c r="L166" s="151">
        <v>4.1000000000000002E-2</v>
      </c>
      <c r="M166" s="97">
        <v>5.4708499111198433E-2</v>
      </c>
      <c r="N166" s="151">
        <v>0.54200000000000004</v>
      </c>
      <c r="O166" s="97">
        <v>0.11144684607470953</v>
      </c>
      <c r="P166" s="149">
        <v>77</v>
      </c>
      <c r="Q166" s="151">
        <v>0.10299999999999999</v>
      </c>
      <c r="R166" s="97">
        <v>7.2885151456694039E-2</v>
      </c>
      <c r="S166" s="151">
        <v>7.0999999999999994E-2</v>
      </c>
      <c r="T166" s="97">
        <v>6.4286041653568618E-2</v>
      </c>
      <c r="U166" s="151">
        <v>0.77200000000000002</v>
      </c>
      <c r="V166" s="97">
        <v>9.5100373342765415E-2</v>
      </c>
    </row>
    <row r="167" spans="1:22">
      <c r="A167" s="57" t="s">
        <v>449</v>
      </c>
      <c r="B167" s="148">
        <v>103</v>
      </c>
      <c r="C167" s="150">
        <v>0.224</v>
      </c>
      <c r="D167" s="94">
        <v>8.1896434658043887E-2</v>
      </c>
      <c r="E167" s="150">
        <v>0.123</v>
      </c>
      <c r="F167" s="94">
        <v>6.6501027111146749E-2</v>
      </c>
      <c r="G167" s="150">
        <v>0.65300000000000002</v>
      </c>
      <c r="H167" s="94">
        <v>9.2384505615960899E-2</v>
      </c>
      <c r="I167" s="148">
        <v>103</v>
      </c>
      <c r="J167" s="150">
        <v>0.13400000000000001</v>
      </c>
      <c r="K167" s="94">
        <v>6.8596667065952577E-2</v>
      </c>
      <c r="L167" s="150">
        <v>0.127</v>
      </c>
      <c r="M167" s="94">
        <v>6.727784075718167E-2</v>
      </c>
      <c r="N167" s="150">
        <v>0.499</v>
      </c>
      <c r="O167" s="94">
        <v>9.667346974277205E-2</v>
      </c>
      <c r="P167" s="148">
        <v>103</v>
      </c>
      <c r="Q167" s="150">
        <v>0.192</v>
      </c>
      <c r="R167" s="94">
        <v>7.7843855906164841E-2</v>
      </c>
      <c r="S167" s="150">
        <v>3.7999999999999999E-2</v>
      </c>
      <c r="T167" s="94">
        <v>4.4181503931059685E-2</v>
      </c>
      <c r="U167" s="150">
        <v>0.72</v>
      </c>
      <c r="V167" s="94">
        <v>8.7573958595362919E-2</v>
      </c>
    </row>
    <row r="168" spans="1:22">
      <c r="A168" s="49" t="s">
        <v>454</v>
      </c>
      <c r="B168" s="149">
        <v>75</v>
      </c>
      <c r="C168" s="151">
        <v>0.104</v>
      </c>
      <c r="D168" s="97">
        <v>7.4174639422459734E-2</v>
      </c>
      <c r="E168" s="151">
        <v>0.06</v>
      </c>
      <c r="F168" s="97">
        <v>6.1832248590991089E-2</v>
      </c>
      <c r="G168" s="151">
        <v>0.83599999999999997</v>
      </c>
      <c r="H168" s="97">
        <v>8.6638219352745849E-2</v>
      </c>
      <c r="I168" s="149">
        <v>76</v>
      </c>
      <c r="J168" s="151">
        <v>0.10199999999999999</v>
      </c>
      <c r="K168" s="97">
        <v>7.315749790691313E-2</v>
      </c>
      <c r="L168" s="151">
        <v>1.7000000000000001E-2</v>
      </c>
      <c r="M168" s="97">
        <v>4.4416594590310499E-2</v>
      </c>
      <c r="N168" s="151">
        <v>0.56799999999999995</v>
      </c>
      <c r="O168" s="97">
        <v>0.11086632491428586</v>
      </c>
      <c r="P168" s="149">
        <v>76</v>
      </c>
      <c r="Q168" s="151">
        <v>6.8000000000000005E-2</v>
      </c>
      <c r="R168" s="97">
        <v>6.3863855192119429E-2</v>
      </c>
      <c r="S168" s="151">
        <v>0.104</v>
      </c>
      <c r="T168" s="97">
        <v>7.3645624445719787E-2</v>
      </c>
      <c r="U168" s="151">
        <v>0.74299999999999999</v>
      </c>
      <c r="V168" s="97">
        <v>9.9173655145910602E-2</v>
      </c>
    </row>
    <row r="177" spans="1:10" ht="19.5" customHeight="1">
      <c r="A177" s="324" t="s">
        <v>4</v>
      </c>
      <c r="B177" s="324"/>
      <c r="C177" s="324"/>
      <c r="D177" s="324"/>
      <c r="E177" s="324"/>
      <c r="F177" s="324"/>
      <c r="G177" s="324"/>
      <c r="H177" s="324"/>
      <c r="I177" s="324"/>
      <c r="J177" s="324"/>
    </row>
    <row r="178" spans="1:10" ht="43.5" customHeight="1">
      <c r="A178" s="381" t="s">
        <v>483</v>
      </c>
      <c r="B178" s="381"/>
      <c r="C178" s="381"/>
      <c r="D178" s="381"/>
      <c r="E178" s="381"/>
      <c r="F178" s="381"/>
      <c r="G178" s="381"/>
      <c r="H178" s="381"/>
      <c r="I178" s="381"/>
      <c r="J178" s="381"/>
    </row>
    <row r="179" spans="1:10" ht="43.5" customHeight="1">
      <c r="A179" s="379" t="s">
        <v>140</v>
      </c>
      <c r="B179" s="380"/>
      <c r="C179" s="380"/>
      <c r="D179" s="380"/>
      <c r="E179" s="380"/>
      <c r="F179" s="380"/>
      <c r="G179" s="380"/>
      <c r="H179" s="380"/>
      <c r="I179" s="380"/>
      <c r="J179" s="380"/>
    </row>
    <row r="180" spans="1:10" ht="39.75" customHeight="1">
      <c r="A180" s="37" t="s">
        <v>85</v>
      </c>
      <c r="B180" s="38" t="s">
        <v>86</v>
      </c>
      <c r="C180" s="38" t="s">
        <v>178</v>
      </c>
      <c r="D180" s="89" t="s">
        <v>101</v>
      </c>
      <c r="E180" s="38" t="s">
        <v>179</v>
      </c>
      <c r="F180" s="89" t="s">
        <v>102</v>
      </c>
      <c r="G180" s="38" t="s">
        <v>180</v>
      </c>
      <c r="H180" s="89" t="s">
        <v>103</v>
      </c>
      <c r="I180" s="38" t="s">
        <v>357</v>
      </c>
      <c r="J180" s="89" t="s">
        <v>356</v>
      </c>
    </row>
    <row r="181" spans="1:10" ht="72">
      <c r="A181" s="41"/>
      <c r="B181" s="42" t="s">
        <v>89</v>
      </c>
      <c r="C181" s="42" t="s">
        <v>181</v>
      </c>
      <c r="D181" s="91" t="s">
        <v>104</v>
      </c>
      <c r="E181" s="42" t="s">
        <v>182</v>
      </c>
      <c r="F181" s="91" t="s">
        <v>104</v>
      </c>
      <c r="G181" s="42" t="s">
        <v>183</v>
      </c>
      <c r="H181" s="91" t="s">
        <v>104</v>
      </c>
      <c r="I181" s="42" t="s">
        <v>357</v>
      </c>
      <c r="J181" s="91" t="s">
        <v>104</v>
      </c>
    </row>
    <row r="182" spans="1:10">
      <c r="A182" s="45" t="s">
        <v>436</v>
      </c>
      <c r="B182" s="152">
        <v>9113</v>
      </c>
      <c r="C182" s="155">
        <v>0.121</v>
      </c>
      <c r="D182" s="94">
        <v>6.8351534005307987E-3</v>
      </c>
      <c r="E182" s="155">
        <v>0.16200000000000001</v>
      </c>
      <c r="F182" s="94">
        <v>7.7204708880824402E-3</v>
      </c>
      <c r="G182" s="155">
        <v>0.68</v>
      </c>
      <c r="H182" s="94">
        <v>9.7715132880957269E-3</v>
      </c>
      <c r="I182" s="155">
        <v>3.6999999999999998E-2</v>
      </c>
      <c r="J182" s="94">
        <v>3.9642508892939075E-3</v>
      </c>
    </row>
    <row r="183" spans="1:10">
      <c r="A183" s="49" t="s">
        <v>437</v>
      </c>
      <c r="B183" s="49">
        <v>8765</v>
      </c>
      <c r="C183" s="154">
        <v>0.123</v>
      </c>
      <c r="D183" s="97">
        <v>7.0188848230340883E-3</v>
      </c>
      <c r="E183" s="154">
        <v>0.16700000000000001</v>
      </c>
      <c r="F183" s="97">
        <v>7.9688108376723028E-3</v>
      </c>
      <c r="G183" s="154">
        <v>0.67400000000000004</v>
      </c>
      <c r="H183" s="97">
        <v>1.0012003621009709E-2</v>
      </c>
      <c r="I183" s="154">
        <v>3.6999999999999998E-2</v>
      </c>
      <c r="J183" s="97">
        <v>4.0425677306913498E-3</v>
      </c>
    </row>
    <row r="184" spans="1:10">
      <c r="A184" s="53" t="s">
        <v>438</v>
      </c>
      <c r="B184" s="53">
        <v>841</v>
      </c>
      <c r="C184" s="155">
        <v>0.14069999999999999</v>
      </c>
      <c r="D184" s="94">
        <v>2.4043632179673178E-2</v>
      </c>
      <c r="E184" s="155">
        <v>0.19089999999999999</v>
      </c>
      <c r="F184" s="94">
        <v>2.7118813432807469E-2</v>
      </c>
      <c r="G184" s="155">
        <v>0.57730000000000004</v>
      </c>
      <c r="H184" s="94">
        <v>3.399137704072034E-2</v>
      </c>
      <c r="I184" s="155">
        <v>9.11E-2</v>
      </c>
      <c r="J184" s="94">
        <v>1.9985793116332456E-2</v>
      </c>
    </row>
    <row r="185" spans="1:10">
      <c r="A185" s="49" t="s">
        <v>439</v>
      </c>
      <c r="B185" s="49">
        <v>796</v>
      </c>
      <c r="C185" s="154">
        <v>0.115</v>
      </c>
      <c r="D185" s="97">
        <v>2.2721525518217302E-2</v>
      </c>
      <c r="E185" s="154">
        <v>0.14299999999999999</v>
      </c>
      <c r="F185" s="97">
        <v>2.4881951669332533E-2</v>
      </c>
      <c r="G185" s="154">
        <v>0.71199999999999997</v>
      </c>
      <c r="H185" s="97">
        <v>3.2054977491803055E-2</v>
      </c>
      <c r="I185" s="154">
        <v>0.03</v>
      </c>
      <c r="J185" s="97">
        <v>1.25106909281622E-2</v>
      </c>
    </row>
    <row r="186" spans="1:10">
      <c r="A186" s="53" t="s">
        <v>440</v>
      </c>
      <c r="B186" s="53">
        <v>723</v>
      </c>
      <c r="C186" s="155">
        <v>0.114</v>
      </c>
      <c r="D186" s="94">
        <v>2.3763977029941562E-2</v>
      </c>
      <c r="E186" s="155">
        <v>0.13800000000000001</v>
      </c>
      <c r="F186" s="94">
        <v>2.5737438164389129E-2</v>
      </c>
      <c r="G186" s="155">
        <v>0.73899999999999999</v>
      </c>
      <c r="H186" s="94">
        <v>3.2629455432040239E-2</v>
      </c>
      <c r="I186" s="155">
        <v>8.9999999999999993E-3</v>
      </c>
      <c r="J186" s="94">
        <v>7.9767846301767552E-3</v>
      </c>
    </row>
    <row r="187" spans="1:10">
      <c r="A187" s="49" t="s">
        <v>453</v>
      </c>
      <c r="B187" s="49">
        <v>127</v>
      </c>
      <c r="C187" s="154">
        <v>6.7000000000000004E-2</v>
      </c>
      <c r="D187" s="97">
        <v>4.7465827062078879E-2</v>
      </c>
      <c r="E187" s="154">
        <v>0.154</v>
      </c>
      <c r="F187" s="97">
        <v>6.4791688270493489E-2</v>
      </c>
      <c r="G187" s="154">
        <v>0.75800000000000001</v>
      </c>
      <c r="H187" s="97">
        <v>7.5652664797727934E-2</v>
      </c>
      <c r="I187" s="154">
        <v>2.1999999999999999E-2</v>
      </c>
      <c r="J187" s="97">
        <v>3.2810441036714141E-2</v>
      </c>
    </row>
    <row r="188" spans="1:10">
      <c r="A188" s="53" t="s">
        <v>441</v>
      </c>
      <c r="B188" s="53">
        <v>75</v>
      </c>
      <c r="C188" s="155">
        <v>9.4E-2</v>
      </c>
      <c r="D188" s="94">
        <v>7.1665066424745072E-2</v>
      </c>
      <c r="E188" s="155">
        <v>0.17799999999999999</v>
      </c>
      <c r="F188" s="94">
        <v>8.9031307751178859E-2</v>
      </c>
      <c r="G188" s="155">
        <v>0.72599999999999998</v>
      </c>
      <c r="H188" s="94">
        <v>0.10162360685739898</v>
      </c>
      <c r="I188" s="155">
        <v>2E-3</v>
      </c>
      <c r="J188" s="94">
        <v>3.6612596098777671E-2</v>
      </c>
    </row>
    <row r="189" spans="1:10">
      <c r="A189" s="49" t="s">
        <v>446</v>
      </c>
      <c r="B189" s="49">
        <v>87</v>
      </c>
      <c r="C189" s="154">
        <v>0.14899999999999999</v>
      </c>
      <c r="D189" s="97">
        <v>7.7712294507688406E-2</v>
      </c>
      <c r="E189" s="154">
        <v>0.124</v>
      </c>
      <c r="F189" s="97">
        <v>7.2862810119923307E-2</v>
      </c>
      <c r="G189" s="154">
        <v>0.58099999999999996</v>
      </c>
      <c r="H189" s="97">
        <v>0.10356356321335883</v>
      </c>
      <c r="I189" s="154">
        <v>0.14499999999999999</v>
      </c>
      <c r="J189" s="97">
        <v>7.6978839312135783E-2</v>
      </c>
    </row>
    <row r="190" spans="1:10">
      <c r="A190" s="53" t="s">
        <v>447</v>
      </c>
      <c r="B190" s="53">
        <v>112</v>
      </c>
      <c r="C190" s="155">
        <v>0.191</v>
      </c>
      <c r="D190" s="94">
        <v>7.4507663075583749E-2</v>
      </c>
      <c r="E190" s="155">
        <v>0.09</v>
      </c>
      <c r="F190" s="94">
        <v>5.6718671241409002E-2</v>
      </c>
      <c r="G190" s="155">
        <v>0.72</v>
      </c>
      <c r="H190" s="94">
        <v>8.4052606782157868E-2</v>
      </c>
      <c r="I190" s="155">
        <v>0</v>
      </c>
      <c r="J190" s="94">
        <v>2.4171880321350918E-2</v>
      </c>
    </row>
    <row r="191" spans="1:10">
      <c r="A191" s="49" t="s">
        <v>442</v>
      </c>
      <c r="B191" s="49">
        <v>78</v>
      </c>
      <c r="C191" s="154">
        <v>0.129</v>
      </c>
      <c r="D191" s="97">
        <v>7.8230387873641019E-2</v>
      </c>
      <c r="E191" s="154">
        <v>0.112</v>
      </c>
      <c r="F191" s="97">
        <v>7.4501594236026009E-2</v>
      </c>
      <c r="G191" s="154">
        <v>0.75900000000000001</v>
      </c>
      <c r="H191" s="97">
        <v>9.6095447000365347E-2</v>
      </c>
      <c r="I191" s="154">
        <v>0</v>
      </c>
      <c r="J191" s="97">
        <v>3.406977052534528E-2</v>
      </c>
    </row>
    <row r="192" spans="1:10">
      <c r="A192" s="45" t="s">
        <v>448</v>
      </c>
      <c r="B192" s="152">
        <v>280</v>
      </c>
      <c r="C192" s="155">
        <v>7.2999999999999995E-2</v>
      </c>
      <c r="D192" s="94">
        <v>3.2014710297681187E-2</v>
      </c>
      <c r="E192" s="155">
        <v>0.14899999999999999</v>
      </c>
      <c r="F192" s="94">
        <v>4.2830325394372121E-2</v>
      </c>
      <c r="G192" s="155">
        <v>0.76300000000000001</v>
      </c>
      <c r="H192" s="94">
        <v>5.0736227750341624E-2</v>
      </c>
      <c r="I192" s="155">
        <v>1.4999999999999999E-2</v>
      </c>
      <c r="J192" s="94">
        <v>1.7342609729962263E-2</v>
      </c>
    </row>
    <row r="193" spans="1:10" ht="25.5">
      <c r="A193" s="49" t="s">
        <v>443</v>
      </c>
      <c r="B193" s="153">
        <v>125</v>
      </c>
      <c r="C193" s="154">
        <v>6.2E-2</v>
      </c>
      <c r="D193" s="97">
        <v>4.6545417688336463E-2</v>
      </c>
      <c r="E193" s="154">
        <v>0.16300000000000001</v>
      </c>
      <c r="F193" s="97">
        <v>6.6673994409757686E-2</v>
      </c>
      <c r="G193" s="154">
        <v>0.77500000000000002</v>
      </c>
      <c r="H193" s="97">
        <v>7.4499302427237568E-2</v>
      </c>
      <c r="I193" s="154">
        <v>0</v>
      </c>
      <c r="J193" s="97">
        <v>2.1755160342254897E-2</v>
      </c>
    </row>
    <row r="194" spans="1:10" ht="25.5">
      <c r="A194" s="53" t="s">
        <v>444</v>
      </c>
      <c r="B194" s="83">
        <v>80</v>
      </c>
      <c r="C194" s="155">
        <v>0.108</v>
      </c>
      <c r="D194" s="94">
        <v>7.257909387506066E-2</v>
      </c>
      <c r="E194" s="155">
        <v>0.121</v>
      </c>
      <c r="F194" s="94">
        <v>7.550256340170787E-2</v>
      </c>
      <c r="G194" s="155">
        <v>0.77100000000000002</v>
      </c>
      <c r="H194" s="94">
        <v>9.3448954253508895E-2</v>
      </c>
      <c r="I194" s="155">
        <v>0</v>
      </c>
      <c r="J194" s="94">
        <v>3.326848242884628E-2</v>
      </c>
    </row>
    <row r="195" spans="1:10">
      <c r="A195" s="49" t="s">
        <v>445</v>
      </c>
      <c r="B195" s="153">
        <v>75</v>
      </c>
      <c r="C195" s="154">
        <v>0.06</v>
      </c>
      <c r="D195" s="97">
        <v>6.1832248590991089E-2</v>
      </c>
      <c r="E195" s="154">
        <v>0.152</v>
      </c>
      <c r="F195" s="97">
        <v>8.4448837895024831E-2</v>
      </c>
      <c r="G195" s="154">
        <v>0.73899999999999999</v>
      </c>
      <c r="H195" s="97">
        <v>0.10025712877302799</v>
      </c>
      <c r="I195" s="154">
        <v>4.9000000000000002E-2</v>
      </c>
      <c r="J195" s="97">
        <v>5.8102969340237128E-2</v>
      </c>
    </row>
    <row r="196" spans="1:10">
      <c r="A196" s="57" t="s">
        <v>449</v>
      </c>
      <c r="B196" s="152">
        <v>104</v>
      </c>
      <c r="C196" s="155">
        <v>0.155</v>
      </c>
      <c r="D196" s="94">
        <v>7.1912600003916374E-2</v>
      </c>
      <c r="E196" s="155">
        <v>0.184</v>
      </c>
      <c r="F196" s="94">
        <v>7.6352924235241107E-2</v>
      </c>
      <c r="G196" s="155">
        <v>0.64400000000000002</v>
      </c>
      <c r="H196" s="94">
        <v>9.2450498377270859E-2</v>
      </c>
      <c r="I196" s="155">
        <v>1.7000000000000001E-2</v>
      </c>
      <c r="J196" s="94">
        <v>3.5314279097621804E-2</v>
      </c>
    </row>
    <row r="197" spans="1:10">
      <c r="A197" s="49" t="s">
        <v>454</v>
      </c>
      <c r="B197" s="153">
        <v>77</v>
      </c>
      <c r="C197" s="154">
        <v>9.5000000000000001E-2</v>
      </c>
      <c r="D197" s="97">
        <v>7.0893765070885656E-2</v>
      </c>
      <c r="E197" s="154">
        <v>0.20200000000000001</v>
      </c>
      <c r="F197" s="97">
        <v>9.1557228496761026E-2</v>
      </c>
      <c r="G197" s="154">
        <v>0.70299999999999996</v>
      </c>
      <c r="H197" s="97">
        <v>0.10250216023126425</v>
      </c>
      <c r="I197" s="154">
        <v>0</v>
      </c>
      <c r="J197" s="97">
        <v>3.4485061975244265E-2</v>
      </c>
    </row>
  </sheetData>
  <mergeCells count="28">
    <mergeCell ref="B150:H150"/>
    <mergeCell ref="P150:V150"/>
    <mergeCell ref="I150:O150"/>
    <mergeCell ref="A179:J179"/>
    <mergeCell ref="A178:J178"/>
    <mergeCell ref="A177:J177"/>
    <mergeCell ref="A149:V149"/>
    <mergeCell ref="A5:D5"/>
    <mergeCell ref="A92:D92"/>
    <mergeCell ref="A119:D119"/>
    <mergeCell ref="A120:D120"/>
    <mergeCell ref="E92:I92"/>
    <mergeCell ref="A91:I91"/>
    <mergeCell ref="A121:D121"/>
    <mergeCell ref="A33:K33"/>
    <mergeCell ref="A32:K32"/>
    <mergeCell ref="E34:K34"/>
    <mergeCell ref="A148:V148"/>
    <mergeCell ref="A3:O3"/>
    <mergeCell ref="A4:O4"/>
    <mergeCell ref="E5:O5"/>
    <mergeCell ref="A90:I90"/>
    <mergeCell ref="A34:D34"/>
    <mergeCell ref="B63:H63"/>
    <mergeCell ref="I63:O63"/>
    <mergeCell ref="A61:V61"/>
    <mergeCell ref="A62:V62"/>
    <mergeCell ref="P63:V63"/>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8"/>
  <sheetViews>
    <sheetView zoomScaleNormal="100" workbookViewId="0"/>
  </sheetViews>
  <sheetFormatPr defaultColWidth="19.140625" defaultRowHeight="15"/>
  <cols>
    <col min="1" max="1" width="37.42578125" customWidth="1"/>
  </cols>
  <sheetData>
    <row r="1" spans="1:4" ht="31.5">
      <c r="A1" s="33" t="s">
        <v>40</v>
      </c>
    </row>
    <row r="3" spans="1:4" ht="18.75">
      <c r="A3" s="316" t="s">
        <v>11</v>
      </c>
      <c r="B3" s="316"/>
      <c r="C3" s="316"/>
      <c r="D3" s="316"/>
    </row>
    <row r="4" spans="1:4" ht="129.75" customHeight="1">
      <c r="A4" s="382" t="s">
        <v>261</v>
      </c>
      <c r="B4" s="382"/>
      <c r="C4" s="382"/>
      <c r="D4" s="382"/>
    </row>
    <row r="5" spans="1:4" ht="38.25" customHeight="1">
      <c r="A5" s="362" t="s">
        <v>141</v>
      </c>
      <c r="B5" s="362"/>
      <c r="C5" s="362"/>
      <c r="D5" s="362"/>
    </row>
    <row r="6" spans="1:4" ht="72">
      <c r="A6" s="37" t="s">
        <v>85</v>
      </c>
      <c r="B6" s="38" t="s">
        <v>86</v>
      </c>
      <c r="C6" s="39" t="s">
        <v>87</v>
      </c>
      <c r="D6" s="40" t="s">
        <v>88</v>
      </c>
    </row>
    <row r="7" spans="1:4" ht="72">
      <c r="A7" s="41"/>
      <c r="B7" s="42" t="s">
        <v>89</v>
      </c>
      <c r="C7" s="126" t="s">
        <v>142</v>
      </c>
      <c r="D7" s="44" t="s">
        <v>91</v>
      </c>
    </row>
    <row r="8" spans="1:4">
      <c r="A8" s="45" t="s">
        <v>436</v>
      </c>
      <c r="B8" s="156">
        <v>9254</v>
      </c>
      <c r="C8" s="157">
        <v>4.63</v>
      </c>
      <c r="D8" s="86">
        <v>1.9599999999999999E-2</v>
      </c>
    </row>
    <row r="9" spans="1:4">
      <c r="A9" s="49" t="s">
        <v>437</v>
      </c>
      <c r="B9" s="49">
        <v>8632</v>
      </c>
      <c r="C9" s="159">
        <v>4.58</v>
      </c>
      <c r="D9" s="87">
        <v>3.9199999999999999E-2</v>
      </c>
    </row>
    <row r="10" spans="1:4">
      <c r="A10" s="53" t="s">
        <v>438</v>
      </c>
      <c r="B10" s="53">
        <v>811</v>
      </c>
      <c r="C10" s="157">
        <v>4.53</v>
      </c>
      <c r="D10" s="86">
        <v>9.8000000000000004E-2</v>
      </c>
    </row>
    <row r="11" spans="1:4">
      <c r="A11" s="49" t="s">
        <v>439</v>
      </c>
      <c r="B11" s="49">
        <v>807</v>
      </c>
      <c r="C11" s="159">
        <v>4.5999999999999996</v>
      </c>
      <c r="D11" s="87">
        <v>9.8000000000000004E-2</v>
      </c>
    </row>
    <row r="12" spans="1:4">
      <c r="A12" s="53" t="s">
        <v>440</v>
      </c>
      <c r="B12" s="53">
        <v>721</v>
      </c>
      <c r="C12" s="157">
        <v>4.5599999999999996</v>
      </c>
      <c r="D12" s="86">
        <v>9.8000000000000004E-2</v>
      </c>
    </row>
    <row r="13" spans="1:4" ht="25.5">
      <c r="A13" s="49" t="s">
        <v>453</v>
      </c>
      <c r="B13" s="49">
        <v>130</v>
      </c>
      <c r="C13" s="159">
        <v>4.9000000000000004</v>
      </c>
      <c r="D13" s="87">
        <v>0.25480000000000003</v>
      </c>
    </row>
    <row r="14" spans="1:4">
      <c r="A14" s="53" t="s">
        <v>441</v>
      </c>
      <c r="B14" s="53">
        <v>76</v>
      </c>
      <c r="C14" s="157">
        <v>4.6900000000000004</v>
      </c>
      <c r="D14" s="86">
        <v>0.37240000000000001</v>
      </c>
    </row>
    <row r="15" spans="1:4">
      <c r="A15" s="49" t="s">
        <v>446</v>
      </c>
      <c r="B15" s="49">
        <v>91</v>
      </c>
      <c r="C15" s="159">
        <v>4.46</v>
      </c>
      <c r="D15" s="87">
        <v>0.29399999999999998</v>
      </c>
    </row>
    <row r="16" spans="1:4">
      <c r="A16" s="53" t="s">
        <v>447</v>
      </c>
      <c r="B16" s="53">
        <v>112</v>
      </c>
      <c r="C16" s="157">
        <v>4.1900000000000004</v>
      </c>
      <c r="D16" s="86">
        <v>0.27440000000000003</v>
      </c>
    </row>
    <row r="17" spans="1:29">
      <c r="A17" s="49" t="s">
        <v>442</v>
      </c>
      <c r="B17" s="49">
        <v>78</v>
      </c>
      <c r="C17" s="159">
        <v>4.13</v>
      </c>
      <c r="D17" s="87">
        <v>0.31359999999999999</v>
      </c>
    </row>
    <row r="18" spans="1:29">
      <c r="A18" s="45" t="s">
        <v>448</v>
      </c>
      <c r="B18" s="156">
        <v>283</v>
      </c>
      <c r="C18" s="157">
        <v>4.83</v>
      </c>
      <c r="D18" s="86">
        <v>0.15679999999999999</v>
      </c>
    </row>
    <row r="19" spans="1:29" ht="25.5">
      <c r="A19" s="49" t="s">
        <v>443</v>
      </c>
      <c r="B19" s="158">
        <v>125</v>
      </c>
      <c r="C19" s="159">
        <v>5.09</v>
      </c>
      <c r="D19" s="87">
        <v>0.19600000000000001</v>
      </c>
    </row>
    <row r="20" spans="1:29" ht="25.5">
      <c r="A20" s="53" t="s">
        <v>444</v>
      </c>
      <c r="B20" s="83">
        <v>80</v>
      </c>
      <c r="C20" s="157">
        <v>4.43</v>
      </c>
      <c r="D20" s="86">
        <v>0.31359999999999999</v>
      </c>
    </row>
    <row r="21" spans="1:29">
      <c r="A21" s="49" t="s">
        <v>445</v>
      </c>
      <c r="B21" s="158">
        <v>78</v>
      </c>
      <c r="C21" s="159">
        <v>4.78</v>
      </c>
      <c r="D21" s="87">
        <v>0.3528</v>
      </c>
    </row>
    <row r="22" spans="1:29" ht="25.5">
      <c r="A22" s="57" t="s">
        <v>449</v>
      </c>
      <c r="B22" s="156">
        <v>105</v>
      </c>
      <c r="C22" s="157">
        <v>4.42</v>
      </c>
      <c r="D22" s="86">
        <v>0.27440000000000003</v>
      </c>
    </row>
    <row r="23" spans="1:29">
      <c r="A23" s="49" t="s">
        <v>454</v>
      </c>
      <c r="B23" s="158">
        <v>77</v>
      </c>
      <c r="C23" s="159">
        <v>4.32</v>
      </c>
      <c r="D23" s="87">
        <v>0.3528</v>
      </c>
    </row>
    <row r="32" spans="1:29" ht="18.75">
      <c r="A32" s="324" t="s">
        <v>43</v>
      </c>
      <c r="B32" s="324"/>
      <c r="C32" s="324"/>
      <c r="D32" s="324"/>
      <c r="E32" s="324"/>
      <c r="F32" s="324"/>
      <c r="G32" s="324"/>
      <c r="H32" s="324"/>
      <c r="I32" s="324"/>
      <c r="J32" s="324"/>
      <c r="K32" s="324"/>
      <c r="L32" s="324"/>
      <c r="M32" s="324"/>
      <c r="N32" s="324"/>
      <c r="O32" s="324"/>
      <c r="P32" s="324"/>
      <c r="Q32" s="324"/>
      <c r="R32" s="324"/>
      <c r="S32" s="324"/>
      <c r="T32" s="226"/>
      <c r="U32" s="226"/>
      <c r="V32" s="226"/>
      <c r="W32" s="226"/>
      <c r="X32" s="226"/>
      <c r="Y32" s="226"/>
      <c r="Z32" s="226"/>
      <c r="AA32" s="226"/>
      <c r="AB32" s="226"/>
      <c r="AC32" s="226"/>
    </row>
    <row r="33" spans="1:29" ht="60.75" customHeight="1">
      <c r="A33" s="381" t="s">
        <v>380</v>
      </c>
      <c r="B33" s="381"/>
      <c r="C33" s="381"/>
      <c r="D33" s="381"/>
      <c r="E33" s="381"/>
      <c r="F33" s="381"/>
      <c r="G33" s="381"/>
      <c r="H33" s="381"/>
      <c r="I33" s="381"/>
      <c r="J33" s="381"/>
      <c r="K33" s="381"/>
      <c r="L33" s="381"/>
      <c r="M33" s="381"/>
      <c r="N33" s="381"/>
      <c r="O33" s="381"/>
      <c r="P33" s="381"/>
      <c r="Q33" s="381"/>
      <c r="R33" s="381"/>
      <c r="S33" s="381"/>
      <c r="T33" s="252"/>
      <c r="U33" s="252"/>
      <c r="V33" s="252"/>
      <c r="W33" s="252"/>
      <c r="X33" s="252"/>
      <c r="Y33" s="252"/>
      <c r="Z33" s="252"/>
      <c r="AA33" s="252"/>
      <c r="AB33" s="252"/>
      <c r="AC33" s="252"/>
    </row>
    <row r="34" spans="1:29" ht="40.5" customHeight="1">
      <c r="A34" s="64"/>
      <c r="B34" s="376" t="s">
        <v>143</v>
      </c>
      <c r="C34" s="377"/>
      <c r="D34" s="377"/>
      <c r="E34" s="377"/>
      <c r="F34" s="377"/>
      <c r="G34" s="377"/>
      <c r="H34" s="377"/>
      <c r="I34" s="377"/>
      <c r="J34" s="378"/>
      <c r="K34" s="379" t="s">
        <v>144</v>
      </c>
      <c r="L34" s="380"/>
      <c r="M34" s="380"/>
      <c r="N34" s="380"/>
      <c r="O34" s="380"/>
      <c r="P34" s="380"/>
      <c r="Q34" s="380"/>
      <c r="R34" s="380"/>
      <c r="S34" s="380"/>
    </row>
    <row r="35" spans="1:29" ht="41.25" customHeight="1">
      <c r="A35" s="37" t="s">
        <v>85</v>
      </c>
      <c r="B35" s="38" t="s">
        <v>86</v>
      </c>
      <c r="C35" s="38" t="s">
        <v>178</v>
      </c>
      <c r="D35" s="89" t="s">
        <v>101</v>
      </c>
      <c r="E35" s="38" t="s">
        <v>179</v>
      </c>
      <c r="F35" s="89" t="s">
        <v>102</v>
      </c>
      <c r="G35" s="38" t="s">
        <v>180</v>
      </c>
      <c r="H35" s="89" t="s">
        <v>103</v>
      </c>
      <c r="I35" s="38" t="s">
        <v>357</v>
      </c>
      <c r="J35" s="89" t="s">
        <v>356</v>
      </c>
      <c r="K35" s="65" t="s">
        <v>86</v>
      </c>
      <c r="L35" s="65" t="s">
        <v>178</v>
      </c>
      <c r="M35" s="88" t="s">
        <v>101</v>
      </c>
      <c r="N35" s="65" t="s">
        <v>179</v>
      </c>
      <c r="O35" s="88" t="s">
        <v>102</v>
      </c>
      <c r="P35" s="65" t="s">
        <v>180</v>
      </c>
      <c r="Q35" s="88" t="s">
        <v>103</v>
      </c>
      <c r="R35" s="65" t="s">
        <v>357</v>
      </c>
      <c r="S35" s="88" t="s">
        <v>356</v>
      </c>
    </row>
    <row r="36" spans="1:29" ht="77.25" customHeight="1">
      <c r="A36" s="41"/>
      <c r="B36" s="42" t="s">
        <v>89</v>
      </c>
      <c r="C36" s="42" t="s">
        <v>181</v>
      </c>
      <c r="D36" s="91" t="s">
        <v>145</v>
      </c>
      <c r="E36" s="42" t="s">
        <v>182</v>
      </c>
      <c r="F36" s="91" t="s">
        <v>146</v>
      </c>
      <c r="G36" s="42" t="s">
        <v>183</v>
      </c>
      <c r="H36" s="91" t="s">
        <v>147</v>
      </c>
      <c r="I36" s="42" t="s">
        <v>357</v>
      </c>
      <c r="J36" s="91" t="s">
        <v>104</v>
      </c>
      <c r="K36" s="68" t="s">
        <v>89</v>
      </c>
      <c r="L36" s="68" t="s">
        <v>181</v>
      </c>
      <c r="M36" s="90" t="s">
        <v>145</v>
      </c>
      <c r="N36" s="68" t="s">
        <v>182</v>
      </c>
      <c r="O36" s="90" t="s">
        <v>146</v>
      </c>
      <c r="P36" s="68" t="s">
        <v>183</v>
      </c>
      <c r="Q36" s="90" t="s">
        <v>147</v>
      </c>
      <c r="R36" s="68" t="s">
        <v>357</v>
      </c>
      <c r="S36" s="90" t="s">
        <v>104</v>
      </c>
    </row>
    <row r="37" spans="1:29">
      <c r="A37" s="45" t="s">
        <v>436</v>
      </c>
      <c r="B37" s="156">
        <v>9361</v>
      </c>
      <c r="C37" s="160">
        <v>0.26700000000000002</v>
      </c>
      <c r="D37" s="94">
        <v>9.1439777660970185E-3</v>
      </c>
      <c r="E37" s="160">
        <v>0.19500000000000001</v>
      </c>
      <c r="F37" s="94">
        <v>8.1903267237955959E-3</v>
      </c>
      <c r="G37" s="160">
        <v>0.47699999999999998</v>
      </c>
      <c r="H37" s="94">
        <v>1.0322538991586489E-2</v>
      </c>
      <c r="I37" s="93">
        <v>0.06</v>
      </c>
      <c r="J37" s="94">
        <v>4.9153147216839535E-3</v>
      </c>
      <c r="K37" s="156">
        <v>9393</v>
      </c>
      <c r="L37" s="160">
        <v>0.192</v>
      </c>
      <c r="M37" s="94">
        <v>8.128392502322843E-3</v>
      </c>
      <c r="N37" s="160">
        <v>0.126</v>
      </c>
      <c r="O37" s="94">
        <v>6.8503222862829711E-3</v>
      </c>
      <c r="P37" s="160">
        <v>0.61599999999999999</v>
      </c>
      <c r="Q37" s="94">
        <v>1.0034641565253173E-2</v>
      </c>
      <c r="R37" s="93">
        <v>6.6000000000000003E-2</v>
      </c>
      <c r="S37" s="94">
        <v>5.129142896626142E-3</v>
      </c>
    </row>
    <row r="38" spans="1:29">
      <c r="A38" s="49" t="s">
        <v>437</v>
      </c>
      <c r="B38" s="158">
        <v>8720</v>
      </c>
      <c r="C38" s="161">
        <v>0.27600000000000002</v>
      </c>
      <c r="D38" s="97">
        <v>9.5729540637198435E-3</v>
      </c>
      <c r="E38" s="161">
        <v>0.191</v>
      </c>
      <c r="F38" s="97">
        <v>8.4194959724816446E-3</v>
      </c>
      <c r="G38" s="161">
        <v>0.48</v>
      </c>
      <c r="H38" s="97">
        <v>1.0697807449970632E-2</v>
      </c>
      <c r="I38" s="96">
        <v>5.2999999999999999E-2</v>
      </c>
      <c r="J38" s="97">
        <v>4.8059160849244272E-3</v>
      </c>
      <c r="K38" s="158">
        <v>8750</v>
      </c>
      <c r="L38" s="161">
        <v>0.21</v>
      </c>
      <c r="M38" s="97">
        <v>8.7086426241989815E-3</v>
      </c>
      <c r="N38" s="161">
        <v>0.125</v>
      </c>
      <c r="O38" s="97">
        <v>7.0736031620931405E-3</v>
      </c>
      <c r="P38" s="161">
        <v>0.60299999999999998</v>
      </c>
      <c r="Q38" s="97">
        <v>1.0458982254780031E-2</v>
      </c>
      <c r="R38" s="96">
        <v>6.0999999999999999E-2</v>
      </c>
      <c r="S38" s="97">
        <v>5.1237855705285737E-3</v>
      </c>
    </row>
    <row r="39" spans="1:29">
      <c r="A39" s="53" t="s">
        <v>438</v>
      </c>
      <c r="B39" s="156">
        <v>836</v>
      </c>
      <c r="C39" s="160">
        <v>0.22600000000000001</v>
      </c>
      <c r="D39" s="94">
        <v>2.8920029895277095E-2</v>
      </c>
      <c r="E39" s="160">
        <v>0.18540000000000001</v>
      </c>
      <c r="F39" s="94">
        <v>2.6900805195460772E-2</v>
      </c>
      <c r="G39" s="160">
        <v>0.4914</v>
      </c>
      <c r="H39" s="94">
        <v>3.4498222363026659E-2</v>
      </c>
      <c r="I39" s="93">
        <v>9.7199999999999995E-2</v>
      </c>
      <c r="J39" s="94">
        <v>2.0620574380535005E-2</v>
      </c>
      <c r="K39" s="156">
        <v>840</v>
      </c>
      <c r="L39" s="160">
        <v>0.2414</v>
      </c>
      <c r="M39" s="94">
        <v>2.9510895595845101E-2</v>
      </c>
      <c r="N39" s="160">
        <v>0.152</v>
      </c>
      <c r="O39" s="94">
        <v>2.4825570163193846E-2</v>
      </c>
      <c r="P39" s="160">
        <v>0.50119999999999998</v>
      </c>
      <c r="Q39" s="94">
        <v>3.4421321344676507E-2</v>
      </c>
      <c r="R39" s="93">
        <v>0.10539999999999999</v>
      </c>
      <c r="S39" s="94">
        <v>2.1303856622659864E-2</v>
      </c>
    </row>
    <row r="40" spans="1:29">
      <c r="A40" s="49" t="s">
        <v>439</v>
      </c>
      <c r="B40" s="158">
        <v>811</v>
      </c>
      <c r="C40" s="161">
        <v>0.30499999999999999</v>
      </c>
      <c r="D40" s="97">
        <v>3.2283053016164034E-2</v>
      </c>
      <c r="E40" s="161">
        <v>0.158</v>
      </c>
      <c r="F40" s="97">
        <v>2.566239476686823E-2</v>
      </c>
      <c r="G40" s="161">
        <v>0.495</v>
      </c>
      <c r="H40" s="97">
        <v>3.5026737888357765E-2</v>
      </c>
      <c r="I40" s="96">
        <v>4.2000000000000003E-2</v>
      </c>
      <c r="J40" s="97">
        <v>1.4406879796010278E-2</v>
      </c>
      <c r="K40" s="158">
        <v>811</v>
      </c>
      <c r="L40" s="161">
        <v>0.184</v>
      </c>
      <c r="M40" s="97">
        <v>2.7234205868417738E-2</v>
      </c>
      <c r="N40" s="161">
        <v>0.123</v>
      </c>
      <c r="O40" s="97">
        <v>2.315725993870733E-2</v>
      </c>
      <c r="P40" s="161">
        <v>0.63800000000000001</v>
      </c>
      <c r="Q40" s="97">
        <v>3.3681472668880739E-2</v>
      </c>
      <c r="R40" s="96">
        <v>5.5E-2</v>
      </c>
      <c r="S40" s="97">
        <v>1.6266799129424615E-2</v>
      </c>
    </row>
    <row r="41" spans="1:29">
      <c r="A41" s="53" t="s">
        <v>440</v>
      </c>
      <c r="B41" s="156">
        <v>722</v>
      </c>
      <c r="C41" s="160">
        <v>0.32300000000000001</v>
      </c>
      <c r="D41" s="94">
        <v>3.4737526021851234E-2</v>
      </c>
      <c r="E41" s="160">
        <v>0.17</v>
      </c>
      <c r="F41" s="94">
        <v>2.800006830126223E-2</v>
      </c>
      <c r="G41" s="160">
        <v>0.48099999999999998</v>
      </c>
      <c r="H41" s="94">
        <v>3.7086970007920307E-2</v>
      </c>
      <c r="I41" s="93">
        <v>2.5999999999999999E-2</v>
      </c>
      <c r="J41" s="94">
        <v>1.2374538040381359E-2</v>
      </c>
      <c r="K41" s="156">
        <v>722</v>
      </c>
      <c r="L41" s="160">
        <v>0.18099999999999999</v>
      </c>
      <c r="M41" s="94">
        <v>2.8686319510468621E-2</v>
      </c>
      <c r="N41" s="160">
        <v>0.13200000000000001</v>
      </c>
      <c r="O41" s="94">
        <v>2.5287783233875684E-2</v>
      </c>
      <c r="P41" s="160">
        <v>0.65300000000000002</v>
      </c>
      <c r="Q41" s="94">
        <v>3.5353253894298525E-2</v>
      </c>
      <c r="R41" s="93">
        <v>3.4000000000000002E-2</v>
      </c>
      <c r="S41" s="94">
        <v>1.3932207283188117E-2</v>
      </c>
    </row>
    <row r="42" spans="1:29" ht="25.5">
      <c r="A42" s="49" t="s">
        <v>453</v>
      </c>
      <c r="B42" s="158">
        <v>131</v>
      </c>
      <c r="C42" s="161">
        <v>0.27300000000000002</v>
      </c>
      <c r="D42" s="97">
        <v>7.7264209009099152E-2</v>
      </c>
      <c r="E42" s="161">
        <v>9.9000000000000005E-2</v>
      </c>
      <c r="F42" s="97">
        <v>5.4047106626487554E-2</v>
      </c>
      <c r="G42" s="161">
        <v>0.56899999999999995</v>
      </c>
      <c r="H42" s="97">
        <v>8.5291127336773354E-2</v>
      </c>
      <c r="I42" s="96">
        <v>0.06</v>
      </c>
      <c r="J42" s="97">
        <v>4.4788433777412935E-2</v>
      </c>
      <c r="K42" s="158">
        <v>130</v>
      </c>
      <c r="L42" s="161">
        <v>0.19</v>
      </c>
      <c r="M42" s="97">
        <v>6.901258416265707E-2</v>
      </c>
      <c r="N42" s="161">
        <v>4.4999999999999998E-2</v>
      </c>
      <c r="O42" s="97">
        <v>4.0574320360474266E-2</v>
      </c>
      <c r="P42" s="161">
        <v>0.747</v>
      </c>
      <c r="Q42" s="97">
        <v>7.5819692879290912E-2</v>
      </c>
      <c r="R42" s="96">
        <v>1.7999999999999999E-2</v>
      </c>
      <c r="S42" s="97">
        <v>3.058585825316236E-2</v>
      </c>
    </row>
    <row r="43" spans="1:29">
      <c r="A43" s="53" t="s">
        <v>441</v>
      </c>
      <c r="B43" s="156">
        <v>76</v>
      </c>
      <c r="C43" s="160">
        <v>0.315</v>
      </c>
      <c r="D43" s="94">
        <v>0.10466898716907506</v>
      </c>
      <c r="E43" s="160">
        <v>8.3000000000000004E-2</v>
      </c>
      <c r="F43" s="94">
        <v>6.821479953060039E-2</v>
      </c>
      <c r="G43" s="160">
        <v>0.54100000000000004</v>
      </c>
      <c r="H43" s="94">
        <v>0.11146364822218946</v>
      </c>
      <c r="I43" s="93">
        <v>0.06</v>
      </c>
      <c r="J43" s="94">
        <v>6.1349816625642817E-2</v>
      </c>
      <c r="K43" s="156">
        <v>75</v>
      </c>
      <c r="L43" s="160">
        <v>0.29199999999999998</v>
      </c>
      <c r="M43" s="94">
        <v>0.10336276267973753</v>
      </c>
      <c r="N43" s="160">
        <v>5.8000000000000003E-2</v>
      </c>
      <c r="O43" s="94">
        <v>6.1177824696851062E-2</v>
      </c>
      <c r="P43" s="160">
        <v>0.65</v>
      </c>
      <c r="Q43" s="94">
        <v>0.10784912056918528</v>
      </c>
      <c r="R43" s="93">
        <v>0</v>
      </c>
      <c r="S43" s="94">
        <v>3.5346768793784435E-2</v>
      </c>
    </row>
    <row r="44" spans="1:29">
      <c r="A44" s="49" t="s">
        <v>446</v>
      </c>
      <c r="B44" s="158">
        <v>93</v>
      </c>
      <c r="C44" s="161">
        <v>0.25800000000000001</v>
      </c>
      <c r="D44" s="97">
        <v>8.9940743967030445E-2</v>
      </c>
      <c r="E44" s="161">
        <v>9.6000000000000002E-2</v>
      </c>
      <c r="F44" s="97">
        <v>6.4205714706031161E-2</v>
      </c>
      <c r="G44" s="161">
        <v>0.52400000000000002</v>
      </c>
      <c r="H44" s="97">
        <v>0.10142703957721798</v>
      </c>
      <c r="I44" s="96">
        <v>0.122</v>
      </c>
      <c r="J44" s="97">
        <v>6.9950578503320121E-2</v>
      </c>
      <c r="K44" s="158">
        <v>93</v>
      </c>
      <c r="L44" s="161">
        <v>0.21199999999999999</v>
      </c>
      <c r="M44" s="97">
        <v>8.4647405994978858E-2</v>
      </c>
      <c r="N44" s="161">
        <v>0.13500000000000001</v>
      </c>
      <c r="O44" s="97">
        <v>7.2520478392493634E-2</v>
      </c>
      <c r="P44" s="161">
        <v>0.48199999999999998</v>
      </c>
      <c r="Q44" s="97">
        <v>0.10147411851988267</v>
      </c>
      <c r="R44" s="96">
        <v>0.17100000000000001</v>
      </c>
      <c r="S44" s="97">
        <v>7.8779878380983812E-2</v>
      </c>
    </row>
    <row r="45" spans="1:29">
      <c r="A45" s="53" t="s">
        <v>447</v>
      </c>
      <c r="B45" s="156">
        <v>112</v>
      </c>
      <c r="C45" s="160">
        <v>0.379</v>
      </c>
      <c r="D45" s="94">
        <v>9.0277601587064576E-2</v>
      </c>
      <c r="E45" s="160">
        <v>0.20300000000000001</v>
      </c>
      <c r="F45" s="94">
        <v>7.6060206066656783E-2</v>
      </c>
      <c r="G45" s="160">
        <v>0.38600000000000001</v>
      </c>
      <c r="H45" s="94">
        <v>9.0570000138959827E-2</v>
      </c>
      <c r="I45" s="93">
        <v>3.1E-2</v>
      </c>
      <c r="J45" s="94">
        <v>3.936880314456756E-2</v>
      </c>
      <c r="K45" s="156">
        <v>112</v>
      </c>
      <c r="L45" s="160">
        <v>0.221</v>
      </c>
      <c r="M45" s="94">
        <v>7.8220463668325066E-2</v>
      </c>
      <c r="N45" s="160">
        <v>0.20300000000000001</v>
      </c>
      <c r="O45" s="94">
        <v>7.6060206066656783E-2</v>
      </c>
      <c r="P45" s="160">
        <v>0.55900000000000005</v>
      </c>
      <c r="Q45" s="94">
        <v>9.2243106432539995E-2</v>
      </c>
      <c r="R45" s="93">
        <v>1.7000000000000001E-2</v>
      </c>
      <c r="S45" s="94">
        <v>3.3488290173499691E-2</v>
      </c>
    </row>
    <row r="46" spans="1:29">
      <c r="A46" s="49" t="s">
        <v>442</v>
      </c>
      <c r="B46" s="158">
        <v>78</v>
      </c>
      <c r="C46" s="161">
        <v>0.36399999999999999</v>
      </c>
      <c r="D46" s="97">
        <v>0.10667124693328725</v>
      </c>
      <c r="E46" s="161">
        <v>0.157</v>
      </c>
      <c r="F46" s="97">
        <v>8.3680286220470718E-2</v>
      </c>
      <c r="G46" s="161">
        <v>0.43099999999999999</v>
      </c>
      <c r="H46" s="97">
        <v>0.10947594876390628</v>
      </c>
      <c r="I46" s="96">
        <v>4.8000000000000001E-2</v>
      </c>
      <c r="J46" s="97">
        <v>5.6370701973405025E-2</v>
      </c>
      <c r="K46" s="158">
        <v>78</v>
      </c>
      <c r="L46" s="161">
        <v>0.30499999999999999</v>
      </c>
      <c r="M46" s="97">
        <v>0.10255142059201394</v>
      </c>
      <c r="N46" s="161">
        <v>0.14599999999999999</v>
      </c>
      <c r="O46" s="97">
        <v>8.1633254010590017E-2</v>
      </c>
      <c r="P46" s="161">
        <v>0.53700000000000003</v>
      </c>
      <c r="Q46" s="97">
        <v>0.11015760403341378</v>
      </c>
      <c r="R46" s="96">
        <v>1.2E-2</v>
      </c>
      <c r="S46" s="97">
        <v>4.1037097289952133E-2</v>
      </c>
    </row>
    <row r="47" spans="1:29">
      <c r="A47" s="45" t="s">
        <v>448</v>
      </c>
      <c r="B47" s="156">
        <v>284</v>
      </c>
      <c r="C47" s="160">
        <v>0.252</v>
      </c>
      <c r="D47" s="94">
        <v>5.1396143965675732E-2</v>
      </c>
      <c r="E47" s="160">
        <v>0.17199999999999999</v>
      </c>
      <c r="F47" s="94">
        <v>4.4935708913158588E-2</v>
      </c>
      <c r="G47" s="160">
        <v>0.55700000000000005</v>
      </c>
      <c r="H47" s="94">
        <v>5.8552045137435074E-2</v>
      </c>
      <c r="I47" s="93">
        <v>1.7999999999999999E-2</v>
      </c>
      <c r="J47" s="94">
        <v>1.8289579933372768E-2</v>
      </c>
      <c r="K47" s="156">
        <v>284</v>
      </c>
      <c r="L47" s="160">
        <v>0.15</v>
      </c>
      <c r="M47" s="94">
        <v>4.2635266338857579E-2</v>
      </c>
      <c r="N47" s="160">
        <v>9.8000000000000004E-2</v>
      </c>
      <c r="O47" s="94">
        <v>3.5911508985608728E-2</v>
      </c>
      <c r="P47" s="160">
        <v>0.69699999999999995</v>
      </c>
      <c r="Q47" s="94">
        <v>5.4296196597122794E-2</v>
      </c>
      <c r="R47" s="93">
        <v>5.3999999999999999E-2</v>
      </c>
      <c r="S47" s="94">
        <v>2.8030507512765132E-2</v>
      </c>
    </row>
    <row r="48" spans="1:29" ht="25.5">
      <c r="A48" s="49" t="s">
        <v>443</v>
      </c>
      <c r="B48" s="158">
        <v>125</v>
      </c>
      <c r="C48" s="161">
        <v>0.156</v>
      </c>
      <c r="D48" s="97">
        <v>6.5624935913179819E-2</v>
      </c>
      <c r="E48" s="161">
        <v>0.19</v>
      </c>
      <c r="F48" s="97">
        <v>7.038483179378234E-2</v>
      </c>
      <c r="G48" s="161">
        <v>0.64400000000000002</v>
      </c>
      <c r="H48" s="97">
        <v>8.4547132165224401E-2</v>
      </c>
      <c r="I48" s="96">
        <v>0.01</v>
      </c>
      <c r="J48" s="97">
        <v>2.7595680467116315E-2</v>
      </c>
      <c r="K48" s="158">
        <v>125</v>
      </c>
      <c r="L48" s="161">
        <v>9.5000000000000001E-2</v>
      </c>
      <c r="M48" s="97">
        <v>5.4556530998255977E-2</v>
      </c>
      <c r="N48" s="161">
        <v>0.122</v>
      </c>
      <c r="O48" s="97">
        <v>5.9932686543223576E-2</v>
      </c>
      <c r="P48" s="161">
        <v>0.74299999999999999</v>
      </c>
      <c r="Q48" s="97">
        <v>7.7670777882807629E-2</v>
      </c>
      <c r="R48" s="96">
        <v>0.04</v>
      </c>
      <c r="S48" s="97">
        <v>3.9890948754106863E-2</v>
      </c>
    </row>
    <row r="49" spans="1:19" ht="25.5">
      <c r="A49" s="53" t="s">
        <v>444</v>
      </c>
      <c r="B49" s="156">
        <v>80</v>
      </c>
      <c r="C49" s="160">
        <v>0.44800000000000001</v>
      </c>
      <c r="D49" s="94">
        <v>0.10857242311674015</v>
      </c>
      <c r="E49" s="160">
        <v>0.153</v>
      </c>
      <c r="F49" s="94">
        <v>8.1878390523282024E-2</v>
      </c>
      <c r="G49" s="160">
        <v>0.38600000000000001</v>
      </c>
      <c r="H49" s="94">
        <v>0.10650558780287611</v>
      </c>
      <c r="I49" s="93">
        <v>1.2999999999999999E-2</v>
      </c>
      <c r="J49" s="94">
        <v>4.0755207452009397E-2</v>
      </c>
      <c r="K49" s="156">
        <v>80</v>
      </c>
      <c r="L49" s="160">
        <v>0.18</v>
      </c>
      <c r="M49" s="94">
        <v>8.6498054315000322E-2</v>
      </c>
      <c r="N49" s="160">
        <v>0.10199999999999999</v>
      </c>
      <c r="O49" s="94">
        <v>7.1154728281913271E-2</v>
      </c>
      <c r="P49" s="160">
        <v>0.67400000000000004</v>
      </c>
      <c r="Q49" s="94">
        <v>0.10294214175013534</v>
      </c>
      <c r="R49" s="93">
        <v>4.2999999999999997E-2</v>
      </c>
      <c r="S49" s="94">
        <v>5.3704571257732724E-2</v>
      </c>
    </row>
    <row r="50" spans="1:19">
      <c r="A50" s="49" t="s">
        <v>445</v>
      </c>
      <c r="B50" s="158">
        <v>79</v>
      </c>
      <c r="C50" s="161">
        <v>0.23699999999999999</v>
      </c>
      <c r="D50" s="97">
        <v>9.5017371544699372E-2</v>
      </c>
      <c r="E50" s="161">
        <v>0.161</v>
      </c>
      <c r="F50" s="97">
        <v>8.3849783615393456E-2</v>
      </c>
      <c r="G50" s="161">
        <v>0.56799999999999995</v>
      </c>
      <c r="H50" s="97">
        <v>0.10884075851263116</v>
      </c>
      <c r="I50" s="96">
        <v>3.4000000000000002E-2</v>
      </c>
      <c r="J50" s="97">
        <v>5.0667993084841483E-2</v>
      </c>
      <c r="K50" s="158">
        <v>79</v>
      </c>
      <c r="L50" s="161">
        <v>0.20699999999999999</v>
      </c>
      <c r="M50" s="97">
        <v>9.1104656990134217E-2</v>
      </c>
      <c r="N50" s="161">
        <v>0.06</v>
      </c>
      <c r="O50" s="97">
        <v>5.9964084271901787E-2</v>
      </c>
      <c r="P50" s="161">
        <v>0.64900000000000002</v>
      </c>
      <c r="Q50" s="97">
        <v>0.1052563806589361</v>
      </c>
      <c r="R50" s="96">
        <v>8.4000000000000005E-2</v>
      </c>
      <c r="S50" s="97">
        <v>6.7027117818055176E-2</v>
      </c>
    </row>
    <row r="51" spans="1:19" ht="25.5">
      <c r="A51" s="57" t="s">
        <v>449</v>
      </c>
      <c r="B51" s="156">
        <v>106</v>
      </c>
      <c r="C51" s="160">
        <v>0.38100000000000001</v>
      </c>
      <c r="D51" s="94">
        <v>9.2804812888485022E-2</v>
      </c>
      <c r="E51" s="160">
        <v>0.20499999999999999</v>
      </c>
      <c r="F51" s="94">
        <v>7.8436776283699425E-2</v>
      </c>
      <c r="G51" s="160">
        <v>0.4</v>
      </c>
      <c r="H51" s="94">
        <v>9.3558741797823933E-2</v>
      </c>
      <c r="I51" s="93">
        <v>1.4E-2</v>
      </c>
      <c r="J51" s="94">
        <v>3.3395462740174048E-2</v>
      </c>
      <c r="K51" s="156">
        <v>106</v>
      </c>
      <c r="L51" s="160">
        <v>0.17299999999999999</v>
      </c>
      <c r="M51" s="94">
        <v>7.4028559802391328E-2</v>
      </c>
      <c r="N51" s="160">
        <v>0.13900000000000001</v>
      </c>
      <c r="O51" s="94">
        <v>6.8486114218294369E-2</v>
      </c>
      <c r="P51" s="160">
        <v>0.64800000000000002</v>
      </c>
      <c r="Q51" s="94">
        <v>9.1385308987401062E-2</v>
      </c>
      <c r="R51" s="93">
        <v>0.04</v>
      </c>
      <c r="S51" s="94">
        <v>4.4111136196985798E-2</v>
      </c>
    </row>
    <row r="52" spans="1:19">
      <c r="A52" s="49" t="s">
        <v>454</v>
      </c>
      <c r="B52" s="158">
        <v>76</v>
      </c>
      <c r="C52" s="161">
        <v>0.34799999999999998</v>
      </c>
      <c r="D52" s="97">
        <v>0.10703939461712215</v>
      </c>
      <c r="E52" s="161">
        <v>0.18099999999999999</v>
      </c>
      <c r="F52" s="97">
        <v>8.8927132389389471E-2</v>
      </c>
      <c r="G52" s="161">
        <v>0.44500000000000001</v>
      </c>
      <c r="H52" s="97">
        <v>0.11119126258389191</v>
      </c>
      <c r="I52" s="96">
        <v>2.5000000000000001E-2</v>
      </c>
      <c r="J52" s="97">
        <v>4.8152589494231769E-2</v>
      </c>
      <c r="K52" s="158">
        <v>77</v>
      </c>
      <c r="L52" s="161">
        <v>0.19500000000000001</v>
      </c>
      <c r="M52" s="97">
        <v>9.0522706696122113E-2</v>
      </c>
      <c r="N52" s="161">
        <v>0.22</v>
      </c>
      <c r="O52" s="97">
        <v>9.4058563188565356E-2</v>
      </c>
      <c r="P52" s="161">
        <v>0.51500000000000001</v>
      </c>
      <c r="Q52" s="97">
        <v>0.11106591825931149</v>
      </c>
      <c r="R52" s="96">
        <v>7.0000000000000007E-2</v>
      </c>
      <c r="S52" s="97">
        <v>6.3987198380598007E-2</v>
      </c>
    </row>
    <row r="61" spans="1:19" ht="18.75">
      <c r="A61" s="324" t="s">
        <v>262</v>
      </c>
      <c r="B61" s="324"/>
      <c r="C61" s="324"/>
      <c r="D61" s="324"/>
      <c r="E61" s="324"/>
      <c r="F61" s="324"/>
      <c r="G61" s="324"/>
      <c r="H61" s="324"/>
      <c r="I61" s="324"/>
      <c r="J61" s="324"/>
      <c r="K61" s="324"/>
      <c r="L61" s="324"/>
    </row>
    <row r="62" spans="1:19" ht="69" customHeight="1">
      <c r="A62" s="381" t="s">
        <v>378</v>
      </c>
      <c r="B62" s="381"/>
      <c r="C62" s="381"/>
      <c r="D62" s="381"/>
      <c r="E62" s="381"/>
      <c r="F62" s="381"/>
      <c r="G62" s="381"/>
      <c r="H62" s="381"/>
      <c r="I62" s="381"/>
      <c r="J62" s="381"/>
      <c r="K62" s="381"/>
      <c r="L62" s="381"/>
    </row>
    <row r="63" spans="1:19" ht="46.5" customHeight="1">
      <c r="A63" s="379" t="s">
        <v>263</v>
      </c>
      <c r="B63" s="380"/>
      <c r="C63" s="380"/>
      <c r="D63" s="380"/>
      <c r="E63" s="380"/>
      <c r="F63" s="380"/>
      <c r="G63" s="380"/>
      <c r="H63" s="380"/>
      <c r="I63" s="380"/>
      <c r="J63" s="380"/>
      <c r="K63" s="380"/>
      <c r="L63" s="380"/>
    </row>
    <row r="64" spans="1:19" ht="72">
      <c r="A64" s="37" t="s">
        <v>85</v>
      </c>
      <c r="B64" s="38" t="s">
        <v>86</v>
      </c>
      <c r="C64" s="39" t="s">
        <v>87</v>
      </c>
      <c r="D64" s="40" t="s">
        <v>88</v>
      </c>
      <c r="E64" s="38" t="s">
        <v>178</v>
      </c>
      <c r="F64" s="89" t="s">
        <v>101</v>
      </c>
      <c r="G64" s="38" t="s">
        <v>179</v>
      </c>
      <c r="H64" s="89" t="s">
        <v>102</v>
      </c>
      <c r="I64" s="38" t="s">
        <v>180</v>
      </c>
      <c r="J64" s="89" t="s">
        <v>103</v>
      </c>
      <c r="K64" s="38" t="s">
        <v>357</v>
      </c>
      <c r="L64" s="89" t="s">
        <v>356</v>
      </c>
    </row>
    <row r="65" spans="1:12" ht="84">
      <c r="A65" s="41"/>
      <c r="B65" s="42" t="s">
        <v>89</v>
      </c>
      <c r="C65" s="126" t="s">
        <v>361</v>
      </c>
      <c r="D65" s="44" t="s">
        <v>91</v>
      </c>
      <c r="E65" s="42" t="s">
        <v>181</v>
      </c>
      <c r="F65" s="91" t="s">
        <v>145</v>
      </c>
      <c r="G65" s="42" t="s">
        <v>182</v>
      </c>
      <c r="H65" s="91" t="s">
        <v>146</v>
      </c>
      <c r="I65" s="42" t="s">
        <v>183</v>
      </c>
      <c r="J65" s="91" t="s">
        <v>147</v>
      </c>
      <c r="K65" s="42" t="s">
        <v>357</v>
      </c>
      <c r="L65" s="91" t="s">
        <v>104</v>
      </c>
    </row>
    <row r="66" spans="1:12">
      <c r="A66" s="45" t="s">
        <v>436</v>
      </c>
      <c r="B66" s="156">
        <v>9321</v>
      </c>
      <c r="C66" s="157">
        <v>3.68</v>
      </c>
      <c r="D66" s="86">
        <v>3.9199999999999999E-2</v>
      </c>
      <c r="E66" s="160">
        <v>0.47899999999999998</v>
      </c>
      <c r="F66" s="94">
        <v>1.034647762536532E-2</v>
      </c>
      <c r="G66" s="160">
        <v>0.156</v>
      </c>
      <c r="H66" s="94">
        <v>7.5180711612020104E-3</v>
      </c>
      <c r="I66" s="160">
        <v>0.33800000000000002</v>
      </c>
      <c r="J66" s="94">
        <v>9.7974885468451196E-3</v>
      </c>
      <c r="K66" s="93">
        <v>2.7E-2</v>
      </c>
      <c r="L66" s="94">
        <v>3.3691804826515991E-3</v>
      </c>
    </row>
    <row r="67" spans="1:12">
      <c r="A67" s="49" t="s">
        <v>437</v>
      </c>
      <c r="B67" s="49">
        <v>8681</v>
      </c>
      <c r="C67" s="159">
        <v>3.67</v>
      </c>
      <c r="D67" s="87">
        <v>3.9199999999999999E-2</v>
      </c>
      <c r="E67" s="161">
        <v>0.47599999999999998</v>
      </c>
      <c r="F67" s="97">
        <v>1.0718022537515422E-2</v>
      </c>
      <c r="G67" s="161">
        <v>0.161</v>
      </c>
      <c r="H67" s="97">
        <v>7.890582556962648E-3</v>
      </c>
      <c r="I67" s="161">
        <v>0.33600000000000002</v>
      </c>
      <c r="J67" s="97">
        <v>1.0137313302674035E-2</v>
      </c>
      <c r="K67" s="96">
        <v>2.5999999999999999E-2</v>
      </c>
      <c r="L67" s="97">
        <v>3.4290847017341246E-3</v>
      </c>
    </row>
    <row r="68" spans="1:12">
      <c r="A68" s="53" t="s">
        <v>438</v>
      </c>
      <c r="B68" s="53">
        <v>835</v>
      </c>
      <c r="C68" s="157">
        <v>3.18</v>
      </c>
      <c r="D68" s="86">
        <v>0.13720000000000002</v>
      </c>
      <c r="E68" s="160">
        <v>0.58130000000000004</v>
      </c>
      <c r="F68" s="94">
        <v>3.4068792791810305E-2</v>
      </c>
      <c r="G68" s="160">
        <v>0.17349999999999999</v>
      </c>
      <c r="H68" s="94">
        <v>2.6239185552017152E-2</v>
      </c>
      <c r="I68" s="160">
        <v>0.22140000000000001</v>
      </c>
      <c r="J68" s="94">
        <v>2.8729171902674194E-2</v>
      </c>
      <c r="K68" s="93">
        <v>2.3900000000000001E-2</v>
      </c>
      <c r="L68" s="94">
        <v>1.1022781537237283E-2</v>
      </c>
    </row>
    <row r="69" spans="1:12">
      <c r="A69" s="49" t="s">
        <v>439</v>
      </c>
      <c r="B69" s="49">
        <v>804</v>
      </c>
      <c r="C69" s="159">
        <v>3.8</v>
      </c>
      <c r="D69" s="87">
        <v>0.13720000000000002</v>
      </c>
      <c r="E69" s="161">
        <v>0.44700000000000001</v>
      </c>
      <c r="F69" s="97">
        <v>3.4983641370844344E-2</v>
      </c>
      <c r="G69" s="161">
        <v>0.16700000000000001</v>
      </c>
      <c r="H69" s="97">
        <v>2.6345589114526422E-2</v>
      </c>
      <c r="I69" s="161">
        <v>0.36</v>
      </c>
      <c r="J69" s="97">
        <v>3.3786866850723178E-2</v>
      </c>
      <c r="K69" s="96">
        <v>2.5999999999999999E-2</v>
      </c>
      <c r="L69" s="97">
        <v>1.1676965695525588E-2</v>
      </c>
    </row>
    <row r="70" spans="1:12">
      <c r="A70" s="53" t="s">
        <v>440</v>
      </c>
      <c r="B70" s="53">
        <v>715</v>
      </c>
      <c r="C70" s="157">
        <v>3.89</v>
      </c>
      <c r="D70" s="86">
        <v>0.438</v>
      </c>
      <c r="E70" s="160">
        <v>0.17799999999999999</v>
      </c>
      <c r="F70" s="94">
        <v>2.8642580681502994E-2</v>
      </c>
      <c r="G70" s="160">
        <v>0.35599999999999998</v>
      </c>
      <c r="H70" s="94">
        <v>3.5731503665231305E-2</v>
      </c>
      <c r="I70" s="160">
        <v>2.8000000000000001E-2</v>
      </c>
      <c r="J70" s="94">
        <v>1.2851548971167848E-2</v>
      </c>
      <c r="K70" s="93"/>
      <c r="L70" s="94">
        <v>3.9283595975519179E-3</v>
      </c>
    </row>
    <row r="71" spans="1:12" ht="25.5">
      <c r="A71" s="49" t="s">
        <v>453</v>
      </c>
      <c r="B71" s="49">
        <v>131</v>
      </c>
      <c r="C71" s="159">
        <v>4</v>
      </c>
      <c r="D71" s="87">
        <v>0.3528</v>
      </c>
      <c r="E71" s="161">
        <v>0.41099999999999998</v>
      </c>
      <c r="F71" s="97">
        <v>8.4772713749135253E-2</v>
      </c>
      <c r="G71" s="161">
        <v>0.12</v>
      </c>
      <c r="H71" s="97">
        <v>5.8126367094835284E-2</v>
      </c>
      <c r="I71" s="161">
        <v>0.437</v>
      </c>
      <c r="J71" s="97">
        <v>8.5420565752621552E-2</v>
      </c>
      <c r="K71" s="96">
        <v>3.2000000000000001E-2</v>
      </c>
      <c r="L71" s="97">
        <v>3.6009429034960669E-2</v>
      </c>
    </row>
    <row r="72" spans="1:12">
      <c r="A72" s="53" t="s">
        <v>441</v>
      </c>
      <c r="B72" s="53">
        <v>76</v>
      </c>
      <c r="C72" s="157">
        <v>4.1399999999999997</v>
      </c>
      <c r="D72" s="86">
        <v>0.47039999999999998</v>
      </c>
      <c r="E72" s="160">
        <v>0.39800000000000002</v>
      </c>
      <c r="F72" s="94">
        <v>0.10968372486381013</v>
      </c>
      <c r="G72" s="160">
        <v>0.16</v>
      </c>
      <c r="H72" s="94">
        <v>8.5343716816178097E-2</v>
      </c>
      <c r="I72" s="160">
        <v>0.39600000000000002</v>
      </c>
      <c r="J72" s="94">
        <v>0.10959894160072899</v>
      </c>
      <c r="K72" s="93">
        <v>4.5999999999999999E-2</v>
      </c>
      <c r="L72" s="94">
        <v>5.655983999270154E-2</v>
      </c>
    </row>
    <row r="73" spans="1:12">
      <c r="A73" s="49" t="s">
        <v>446</v>
      </c>
      <c r="B73" s="49">
        <v>92</v>
      </c>
      <c r="C73" s="159">
        <v>3.62</v>
      </c>
      <c r="D73" s="87">
        <v>0.43119999999999997</v>
      </c>
      <c r="E73" s="161">
        <v>0.47799999999999998</v>
      </c>
      <c r="F73" s="97">
        <v>0.10197129764782578</v>
      </c>
      <c r="G73" s="161">
        <v>0.161</v>
      </c>
      <c r="H73" s="97">
        <v>7.7582277393906149E-2</v>
      </c>
      <c r="I73" s="161">
        <v>0.34799999999999998</v>
      </c>
      <c r="J73" s="97">
        <v>9.7634783381364276E-2</v>
      </c>
      <c r="K73" s="96">
        <v>1.2999999999999999E-2</v>
      </c>
      <c r="L73" s="97">
        <v>3.6619286583496669E-2</v>
      </c>
    </row>
    <row r="74" spans="1:12">
      <c r="A74" s="53" t="s">
        <v>447</v>
      </c>
      <c r="B74" s="53">
        <v>110</v>
      </c>
      <c r="C74" s="157">
        <v>3.38</v>
      </c>
      <c r="D74" s="86">
        <v>0.3528</v>
      </c>
      <c r="E74" s="160">
        <v>0.57299999999999995</v>
      </c>
      <c r="F74" s="94">
        <v>9.2724531496282681E-2</v>
      </c>
      <c r="G74" s="160">
        <v>0.17699999999999999</v>
      </c>
      <c r="H74" s="94">
        <v>7.3236911623658321E-2</v>
      </c>
      <c r="I74" s="160">
        <v>0.23300000000000001</v>
      </c>
      <c r="J74" s="94">
        <v>8.0268402716789922E-2</v>
      </c>
      <c r="K74" s="93">
        <v>1.7000000000000001E-2</v>
      </c>
      <c r="L74" s="94">
        <v>3.3921966488810733E-2</v>
      </c>
    </row>
    <row r="75" spans="1:12">
      <c r="A75" s="49" t="s">
        <v>442</v>
      </c>
      <c r="B75" s="49">
        <v>76</v>
      </c>
      <c r="C75" s="159">
        <v>3.27</v>
      </c>
      <c r="D75" s="87">
        <v>0.43119999999999997</v>
      </c>
      <c r="E75" s="161">
        <v>0.59599999999999997</v>
      </c>
      <c r="F75" s="97">
        <v>0.10992783087098554</v>
      </c>
      <c r="G75" s="161">
        <v>0.109</v>
      </c>
      <c r="H75" s="97">
        <v>7.484146494424064E-2</v>
      </c>
      <c r="I75" s="161">
        <v>0.28299999999999997</v>
      </c>
      <c r="J75" s="97">
        <v>0.10185827838226995</v>
      </c>
      <c r="K75" s="96">
        <v>1.2E-2</v>
      </c>
      <c r="L75" s="97">
        <v>4.1877822292951193E-2</v>
      </c>
    </row>
    <row r="76" spans="1:12">
      <c r="A76" s="45" t="s">
        <v>448</v>
      </c>
      <c r="B76" s="156">
        <v>280</v>
      </c>
      <c r="C76" s="157">
        <v>3.94</v>
      </c>
      <c r="D76" s="86">
        <v>0.23519999999999999</v>
      </c>
      <c r="E76" s="160">
        <v>0.41199999999999998</v>
      </c>
      <c r="F76" s="94">
        <v>5.8438917748645063E-2</v>
      </c>
      <c r="G76" s="160">
        <v>0.157</v>
      </c>
      <c r="H76" s="94">
        <v>4.3708657393823007E-2</v>
      </c>
      <c r="I76" s="160">
        <v>0.39700000000000002</v>
      </c>
      <c r="J76" s="94">
        <v>5.810235511064802E-2</v>
      </c>
      <c r="K76" s="93">
        <v>3.4000000000000002E-2</v>
      </c>
      <c r="L76" s="94">
        <v>2.3412405662357222E-2</v>
      </c>
    </row>
    <row r="77" spans="1:12" ht="25.5">
      <c r="A77" s="49" t="s">
        <v>443</v>
      </c>
      <c r="B77" s="158">
        <v>125</v>
      </c>
      <c r="C77" s="159">
        <v>3.87</v>
      </c>
      <c r="D77" s="87">
        <v>0.3332</v>
      </c>
      <c r="E77" s="161">
        <v>0.42899999999999999</v>
      </c>
      <c r="F77" s="97">
        <v>8.7207633072313911E-2</v>
      </c>
      <c r="G77" s="161">
        <v>0.187</v>
      </c>
      <c r="H77" s="97">
        <v>6.999720960074253E-2</v>
      </c>
      <c r="I77" s="161">
        <v>0.35699999999999998</v>
      </c>
      <c r="J77" s="97">
        <v>8.459653331367889E-2</v>
      </c>
      <c r="K77" s="96">
        <v>2.8000000000000001E-2</v>
      </c>
      <c r="L77" s="97">
        <v>3.5576256999974513E-2</v>
      </c>
    </row>
    <row r="78" spans="1:12" ht="25.5">
      <c r="A78" s="53" t="s">
        <v>444</v>
      </c>
      <c r="B78" s="83">
        <v>79</v>
      </c>
      <c r="C78" s="157">
        <v>3.8</v>
      </c>
      <c r="D78" s="86">
        <v>0.45080000000000003</v>
      </c>
      <c r="E78" s="160">
        <v>0.495</v>
      </c>
      <c r="F78" s="94">
        <v>0.10975928790185216</v>
      </c>
      <c r="G78" s="160">
        <v>0.108</v>
      </c>
      <c r="H78" s="94">
        <v>7.3070389129327395E-2</v>
      </c>
      <c r="I78" s="160">
        <v>0.39600000000000002</v>
      </c>
      <c r="J78" s="94">
        <v>0.10759168360323573</v>
      </c>
      <c r="K78" s="93">
        <v>1E-3</v>
      </c>
      <c r="L78" s="94">
        <v>3.4306050476213067E-2</v>
      </c>
    </row>
    <row r="79" spans="1:12">
      <c r="A79" s="49" t="s">
        <v>445</v>
      </c>
      <c r="B79" s="158">
        <v>76</v>
      </c>
      <c r="C79" s="159">
        <v>4.18</v>
      </c>
      <c r="D79" s="87">
        <v>0.47039999999999998</v>
      </c>
      <c r="E79" s="161">
        <v>0.32</v>
      </c>
      <c r="F79" s="97">
        <v>0.10506164856882839</v>
      </c>
      <c r="G79" s="161">
        <v>0.152</v>
      </c>
      <c r="H79" s="97">
        <v>8.3875991797414826E-2</v>
      </c>
      <c r="I79" s="161">
        <v>0.45700000000000002</v>
      </c>
      <c r="J79" s="97">
        <v>0.11142963643035007</v>
      </c>
      <c r="K79" s="96">
        <v>7.0999999999999994E-2</v>
      </c>
      <c r="L79" s="97">
        <v>6.4769976648135358E-2</v>
      </c>
    </row>
    <row r="80" spans="1:12" ht="25.5">
      <c r="A80" s="57" t="s">
        <v>449</v>
      </c>
      <c r="B80" s="156">
        <v>105</v>
      </c>
      <c r="C80" s="157">
        <v>4.0199999999999996</v>
      </c>
      <c r="D80" s="86">
        <v>0.37240000000000001</v>
      </c>
      <c r="E80" s="160">
        <v>0.40100000000000002</v>
      </c>
      <c r="F80" s="94">
        <v>9.4024228882247388E-2</v>
      </c>
      <c r="G80" s="160">
        <v>0.224</v>
      </c>
      <c r="H80" s="94">
        <v>8.111885351466698E-2</v>
      </c>
      <c r="I80" s="160">
        <v>0.376</v>
      </c>
      <c r="J80" s="94">
        <v>9.3009185121428348E-2</v>
      </c>
      <c r="K80" s="93">
        <v>0</v>
      </c>
      <c r="L80" s="94">
        <v>2.5709707484377786E-2</v>
      </c>
    </row>
    <row r="81" spans="1:26">
      <c r="A81" s="49" t="s">
        <v>454</v>
      </c>
      <c r="B81" s="158">
        <v>77</v>
      </c>
      <c r="C81" s="159">
        <v>3.71</v>
      </c>
      <c r="D81" s="87">
        <v>0.41159999999999997</v>
      </c>
      <c r="E81" s="161">
        <v>0.36899999999999999</v>
      </c>
      <c r="F81" s="97">
        <v>0.10760973471550582</v>
      </c>
      <c r="G81" s="161">
        <v>0.26500000000000001</v>
      </c>
      <c r="H81" s="97">
        <v>9.9404311304611068E-2</v>
      </c>
      <c r="I81" s="161">
        <v>0.29599999999999999</v>
      </c>
      <c r="J81" s="97">
        <v>0.10241352516141974</v>
      </c>
      <c r="K81" s="96">
        <v>7.0000000000000007E-2</v>
      </c>
      <c r="L81" s="97">
        <v>6.3987198380598007E-2</v>
      </c>
    </row>
    <row r="90" spans="1:26" ht="18.75">
      <c r="A90" s="324" t="s">
        <v>44</v>
      </c>
      <c r="B90" s="324"/>
      <c r="C90" s="324"/>
      <c r="D90" s="324"/>
      <c r="E90" s="324"/>
      <c r="F90" s="324"/>
      <c r="G90" s="324"/>
      <c r="H90" s="324"/>
      <c r="I90" s="324"/>
      <c r="J90" s="324"/>
      <c r="K90" s="324"/>
      <c r="L90" s="324"/>
    </row>
    <row r="91" spans="1:26" ht="80.25" customHeight="1">
      <c r="A91" s="383" t="s">
        <v>379</v>
      </c>
      <c r="B91" s="383"/>
      <c r="C91" s="383"/>
      <c r="D91" s="383"/>
      <c r="E91" s="383"/>
      <c r="F91" s="383"/>
      <c r="G91" s="383"/>
      <c r="H91" s="383"/>
      <c r="I91" s="383"/>
      <c r="J91" s="383"/>
      <c r="K91" s="383"/>
      <c r="L91" s="383"/>
    </row>
    <row r="92" spans="1:26" ht="50.25" customHeight="1">
      <c r="A92" s="379" t="s">
        <v>317</v>
      </c>
      <c r="B92" s="380"/>
      <c r="C92" s="380"/>
      <c r="D92" s="380"/>
      <c r="E92" s="380"/>
      <c r="F92" s="380"/>
      <c r="G92" s="380"/>
      <c r="H92" s="380"/>
      <c r="I92" s="380"/>
      <c r="J92" s="380"/>
      <c r="K92" s="380"/>
      <c r="L92" s="380"/>
      <c r="N92" s="248"/>
      <c r="O92" s="248"/>
      <c r="P92" s="248"/>
      <c r="Q92" s="248"/>
      <c r="R92" s="248"/>
      <c r="S92" s="248"/>
      <c r="T92" s="248"/>
      <c r="U92" s="248"/>
      <c r="V92" s="248"/>
      <c r="W92" s="248"/>
      <c r="X92" s="248"/>
    </row>
    <row r="93" spans="1:26" ht="38.25" customHeight="1">
      <c r="A93" s="37" t="s">
        <v>85</v>
      </c>
      <c r="B93" s="38" t="s">
        <v>86</v>
      </c>
      <c r="C93" s="39" t="s">
        <v>87</v>
      </c>
      <c r="D93" s="40" t="s">
        <v>88</v>
      </c>
      <c r="E93" s="38" t="s">
        <v>427</v>
      </c>
      <c r="F93" s="40" t="s">
        <v>428</v>
      </c>
      <c r="G93" s="38" t="s">
        <v>423</v>
      </c>
      <c r="H93" s="40" t="s">
        <v>425</v>
      </c>
      <c r="I93" s="38" t="s">
        <v>429</v>
      </c>
      <c r="J93" s="40" t="s">
        <v>430</v>
      </c>
      <c r="K93" s="38" t="s">
        <v>357</v>
      </c>
      <c r="L93" s="89" t="s">
        <v>371</v>
      </c>
      <c r="P93" s="248"/>
      <c r="Q93" s="248"/>
      <c r="R93" s="248"/>
      <c r="S93" s="248"/>
      <c r="T93" s="248"/>
      <c r="U93" s="248"/>
      <c r="V93" s="248"/>
      <c r="W93" s="248"/>
      <c r="X93" s="248"/>
      <c r="Y93" s="248"/>
      <c r="Z93" s="248"/>
    </row>
    <row r="94" spans="1:26" ht="72">
      <c r="A94" s="41"/>
      <c r="B94" s="42" t="s">
        <v>89</v>
      </c>
      <c r="C94" s="126" t="s">
        <v>359</v>
      </c>
      <c r="D94" s="44" t="s">
        <v>91</v>
      </c>
      <c r="E94" s="42" t="s">
        <v>422</v>
      </c>
      <c r="F94" s="44" t="s">
        <v>104</v>
      </c>
      <c r="G94" s="42" t="s">
        <v>424</v>
      </c>
      <c r="H94" s="44" t="s">
        <v>104</v>
      </c>
      <c r="I94" s="42" t="s">
        <v>181</v>
      </c>
      <c r="J94" s="44" t="s">
        <v>104</v>
      </c>
      <c r="K94" s="42" t="s">
        <v>357</v>
      </c>
      <c r="L94" s="91" t="s">
        <v>104</v>
      </c>
      <c r="P94" s="253"/>
      <c r="Q94" s="253"/>
      <c r="R94" s="253"/>
      <c r="S94" s="253"/>
      <c r="T94" s="253"/>
      <c r="U94" s="253"/>
      <c r="V94" s="253"/>
      <c r="W94" s="248"/>
      <c r="X94" s="248"/>
      <c r="Y94" s="248"/>
      <c r="Z94" s="248"/>
    </row>
    <row r="95" spans="1:26">
      <c r="A95" s="45" t="s">
        <v>436</v>
      </c>
      <c r="B95" s="162">
        <v>10767</v>
      </c>
      <c r="C95" s="157">
        <v>4.12</v>
      </c>
      <c r="D95" s="86">
        <v>3.9199999999999999E-2</v>
      </c>
      <c r="E95" s="165">
        <v>0.16</v>
      </c>
      <c r="F95" s="94">
        <v>7.0670842622171217E-3</v>
      </c>
      <c r="G95" s="164">
        <v>0.41200000000000003</v>
      </c>
      <c r="H95" s="94">
        <v>9.4851544785253435E-3</v>
      </c>
      <c r="I95" s="164">
        <v>0.27700000000000002</v>
      </c>
      <c r="J95" s="94">
        <v>8.6248401091277519E-3</v>
      </c>
      <c r="K95" s="93">
        <v>0.151</v>
      </c>
      <c r="L95" s="94">
        <v>6.9023575547351628E-3</v>
      </c>
    </row>
    <row r="96" spans="1:26">
      <c r="A96" s="49" t="s">
        <v>437</v>
      </c>
      <c r="B96" s="163">
        <v>8855</v>
      </c>
      <c r="C96" s="159">
        <v>4.12</v>
      </c>
      <c r="D96" s="87">
        <v>3.9199999999999999E-2</v>
      </c>
      <c r="E96" s="167">
        <v>0.14699999999999999</v>
      </c>
      <c r="F96" s="97">
        <v>7.5277565493569645E-3</v>
      </c>
      <c r="G96" s="166">
        <v>0.39500000000000002</v>
      </c>
      <c r="H96" s="97">
        <v>1.0387784331419975E-2</v>
      </c>
      <c r="I96" s="166">
        <v>0.26300000000000001</v>
      </c>
      <c r="J96" s="97">
        <v>9.3563415436554651E-3</v>
      </c>
      <c r="K96" s="96">
        <v>0.19500000000000001</v>
      </c>
      <c r="L96" s="97">
        <v>8.4211041658892351E-3</v>
      </c>
    </row>
    <row r="97" spans="1:12">
      <c r="A97" s="53" t="s">
        <v>438</v>
      </c>
      <c r="B97" s="162">
        <v>1801</v>
      </c>
      <c r="C97" s="157">
        <v>3.95</v>
      </c>
      <c r="D97" s="86">
        <v>7.8399999999999997E-2</v>
      </c>
      <c r="E97" s="165">
        <v>0.15820000000000001</v>
      </c>
      <c r="F97" s="94">
        <v>1.7212375894735885E-2</v>
      </c>
      <c r="G97" s="164">
        <v>0.42830000000000001</v>
      </c>
      <c r="H97" s="94">
        <v>2.3295375160059667E-2</v>
      </c>
      <c r="I97" s="164">
        <v>0.33699999999999997</v>
      </c>
      <c r="J97" s="94">
        <v>2.2257551956224617E-2</v>
      </c>
      <c r="K97" s="93">
        <v>7.6499999999999999E-2</v>
      </c>
      <c r="L97" s="94">
        <v>1.2582517196983715E-2</v>
      </c>
    </row>
    <row r="98" spans="1:12">
      <c r="A98" s="49" t="s">
        <v>439</v>
      </c>
      <c r="B98" s="163">
        <v>888</v>
      </c>
      <c r="C98" s="159">
        <v>4.1500000000000004</v>
      </c>
      <c r="D98" s="87">
        <v>9.8000000000000004E-2</v>
      </c>
      <c r="E98" s="167">
        <v>0.114</v>
      </c>
      <c r="F98" s="97">
        <v>2.1422222529423683E-2</v>
      </c>
      <c r="G98" s="166">
        <v>0.48</v>
      </c>
      <c r="H98" s="97">
        <v>3.3455919690443536E-2</v>
      </c>
      <c r="I98" s="166">
        <v>0.24299999999999999</v>
      </c>
      <c r="J98" s="97">
        <v>2.8767043264482511E-2</v>
      </c>
      <c r="K98" s="96">
        <v>0.16200000000000001</v>
      </c>
      <c r="L98" s="97">
        <v>2.4766018282863872E-2</v>
      </c>
    </row>
    <row r="99" spans="1:12">
      <c r="A99" s="53" t="s">
        <v>440</v>
      </c>
      <c r="B99" s="162">
        <v>720</v>
      </c>
      <c r="C99" s="157">
        <v>4.22</v>
      </c>
      <c r="D99" s="86">
        <v>0.1176</v>
      </c>
      <c r="E99" s="165">
        <v>0.127</v>
      </c>
      <c r="F99" s="94">
        <v>2.492021414614452E-2</v>
      </c>
      <c r="G99" s="164">
        <v>0.47899999999999998</v>
      </c>
      <c r="H99" s="94">
        <v>3.7132275090668923E-2</v>
      </c>
      <c r="I99" s="164">
        <v>0.223</v>
      </c>
      <c r="J99" s="94">
        <v>3.1015634283424576E-2</v>
      </c>
      <c r="K99" s="93">
        <v>0.17100000000000001</v>
      </c>
      <c r="L99" s="94">
        <v>2.8103177027906552E-2</v>
      </c>
    </row>
    <row r="100" spans="1:12" ht="25.5">
      <c r="A100" s="49" t="s">
        <v>453</v>
      </c>
      <c r="B100" s="163">
        <v>132</v>
      </c>
      <c r="C100" s="159">
        <v>3.49</v>
      </c>
      <c r="D100" s="87">
        <v>0.27440000000000003</v>
      </c>
      <c r="E100" s="167">
        <v>3.2000000000000001E-2</v>
      </c>
      <c r="F100" s="97">
        <v>3.5838812996466914E-2</v>
      </c>
      <c r="G100" s="166">
        <v>0.33999999999999997</v>
      </c>
      <c r="H100" s="97">
        <v>8.1508523015950962E-2</v>
      </c>
      <c r="I100" s="166">
        <v>0.34299999999999997</v>
      </c>
      <c r="J100" s="97">
        <v>8.1669999263915521E-2</v>
      </c>
      <c r="K100" s="96">
        <v>0.28499999999999998</v>
      </c>
      <c r="L100" s="97">
        <v>7.7924195937054061E-2</v>
      </c>
    </row>
    <row r="101" spans="1:12">
      <c r="A101" s="53" t="s">
        <v>441</v>
      </c>
      <c r="B101" s="162">
        <v>75</v>
      </c>
      <c r="C101" s="157">
        <v>3.46</v>
      </c>
      <c r="D101" s="86">
        <v>0.39200000000000002</v>
      </c>
      <c r="E101" s="165">
        <v>6.0999999999999999E-2</v>
      </c>
      <c r="F101" s="94">
        <v>6.2155775479053058E-2</v>
      </c>
      <c r="G101" s="164">
        <v>0.252</v>
      </c>
      <c r="H101" s="94">
        <v>9.9254582745138167E-2</v>
      </c>
      <c r="I101" s="164">
        <v>0.36299999999999999</v>
      </c>
      <c r="J101" s="94">
        <v>0.1086356214274958</v>
      </c>
      <c r="K101" s="93">
        <v>0.32400000000000001</v>
      </c>
      <c r="L101" s="94">
        <v>0.10604068892145109</v>
      </c>
    </row>
    <row r="102" spans="1:12">
      <c r="A102" s="49" t="s">
        <v>446</v>
      </c>
      <c r="B102" s="163">
        <v>152</v>
      </c>
      <c r="C102" s="159">
        <v>4.08</v>
      </c>
      <c r="D102" s="87">
        <v>0.23519999999999999</v>
      </c>
      <c r="E102" s="167">
        <v>5.0999999999999997E-2</v>
      </c>
      <c r="F102" s="97">
        <v>3.8764564767968974E-2</v>
      </c>
      <c r="G102" s="166">
        <v>0.57200000000000006</v>
      </c>
      <c r="H102" s="97">
        <v>7.9272079003156137E-2</v>
      </c>
      <c r="I102" s="166">
        <v>0.24099999999999999</v>
      </c>
      <c r="J102" s="97">
        <v>6.9118061029844399E-2</v>
      </c>
      <c r="K102" s="96">
        <v>0.13700000000000001</v>
      </c>
      <c r="L102" s="97">
        <v>5.6591598424938362E-2</v>
      </c>
    </row>
    <row r="103" spans="1:12">
      <c r="A103" s="53" t="s">
        <v>447</v>
      </c>
      <c r="B103" s="162">
        <v>112</v>
      </c>
      <c r="C103" s="157">
        <v>4.53</v>
      </c>
      <c r="D103" s="86">
        <v>0.25480000000000003</v>
      </c>
      <c r="E103" s="165">
        <v>0.122</v>
      </c>
      <c r="F103" s="94">
        <v>6.346331311236178E-2</v>
      </c>
      <c r="G103" s="164">
        <v>0.63100000000000001</v>
      </c>
      <c r="H103" s="94">
        <v>8.9827826072744213E-2</v>
      </c>
      <c r="I103" s="164">
        <v>0.11899999999999999</v>
      </c>
      <c r="J103" s="94">
        <v>6.2883992320947629E-2</v>
      </c>
      <c r="K103" s="93">
        <v>0.128</v>
      </c>
      <c r="L103" s="94">
        <v>6.4592936832303258E-2</v>
      </c>
    </row>
    <row r="104" spans="1:12">
      <c r="A104" s="49" t="s">
        <v>442</v>
      </c>
      <c r="B104" s="163">
        <v>78</v>
      </c>
      <c r="C104" s="159">
        <v>4.51</v>
      </c>
      <c r="D104" s="87">
        <v>0.27440000000000003</v>
      </c>
      <c r="E104" s="167">
        <v>0.152</v>
      </c>
      <c r="F104" s="97">
        <v>8.2764094095191351E-2</v>
      </c>
      <c r="G104" s="166">
        <v>0.64500000000000002</v>
      </c>
      <c r="H104" s="97">
        <v>0.10614674374748803</v>
      </c>
      <c r="I104" s="166">
        <v>0.159</v>
      </c>
      <c r="J104" s="97">
        <v>8.4040290273691254E-2</v>
      </c>
      <c r="K104" s="96">
        <v>4.4999999999999998E-2</v>
      </c>
      <c r="L104" s="97">
        <v>5.5295189018963846E-2</v>
      </c>
    </row>
    <row r="105" spans="1:12">
      <c r="A105" s="45" t="s">
        <v>448</v>
      </c>
      <c r="B105" s="162">
        <v>291</v>
      </c>
      <c r="C105" s="157">
        <v>4.3499999999999996</v>
      </c>
      <c r="D105" s="86">
        <v>0.1764</v>
      </c>
      <c r="E105" s="165">
        <v>0.183</v>
      </c>
      <c r="F105" s="94">
        <v>4.5430916076547125E-2</v>
      </c>
      <c r="G105" s="164">
        <v>0.45400000000000001</v>
      </c>
      <c r="H105" s="94">
        <v>5.7981995336742496E-2</v>
      </c>
      <c r="I105" s="164">
        <v>0.21200000000000002</v>
      </c>
      <c r="J105" s="94">
        <v>4.7910945513764229E-2</v>
      </c>
      <c r="K105" s="93">
        <v>0.151</v>
      </c>
      <c r="L105" s="94">
        <v>4.2222924806507495E-2</v>
      </c>
    </row>
    <row r="106" spans="1:12" ht="25.5">
      <c r="A106" s="49" t="s">
        <v>443</v>
      </c>
      <c r="B106" s="163">
        <v>126</v>
      </c>
      <c r="C106" s="159">
        <v>4.25</v>
      </c>
      <c r="D106" s="87">
        <v>0.25480000000000003</v>
      </c>
      <c r="E106" s="167">
        <v>0.14000000000000001</v>
      </c>
      <c r="F106" s="97">
        <v>6.2819077550725619E-2</v>
      </c>
      <c r="G106" s="166">
        <v>0.53600000000000003</v>
      </c>
      <c r="H106" s="97">
        <v>8.7491982377974828E-2</v>
      </c>
      <c r="I106" s="166">
        <v>0.22</v>
      </c>
      <c r="J106" s="97">
        <v>7.3662513278735117E-2</v>
      </c>
      <c r="K106" s="96">
        <v>0.10299999999999999</v>
      </c>
      <c r="L106" s="97">
        <v>5.6005713929181737E-2</v>
      </c>
    </row>
    <row r="107" spans="1:12" ht="25.5">
      <c r="A107" s="53" t="s">
        <v>444</v>
      </c>
      <c r="B107" s="162">
        <v>81</v>
      </c>
      <c r="C107" s="157">
        <v>3.94</v>
      </c>
      <c r="D107" s="86">
        <v>0.31359999999999999</v>
      </c>
      <c r="E107" s="165">
        <v>0.13200000000000001</v>
      </c>
      <c r="F107" s="94">
        <v>7.731429738735722E-2</v>
      </c>
      <c r="G107" s="164">
        <v>0.35199999999999998</v>
      </c>
      <c r="H107" s="94">
        <v>0.10406085229058186</v>
      </c>
      <c r="I107" s="164">
        <v>0.36599999999999999</v>
      </c>
      <c r="J107" s="94">
        <v>0.104868368430779</v>
      </c>
      <c r="K107" s="93">
        <v>0.14799999999999999</v>
      </c>
      <c r="L107" s="94">
        <v>8.0435041664309356E-2</v>
      </c>
    </row>
    <row r="108" spans="1:12">
      <c r="A108" s="49" t="s">
        <v>445</v>
      </c>
      <c r="B108" s="163">
        <v>84</v>
      </c>
      <c r="C108" s="159">
        <v>4.8600000000000003</v>
      </c>
      <c r="D108" s="87">
        <v>0.37240000000000001</v>
      </c>
      <c r="E108" s="167">
        <v>0.28000000000000003</v>
      </c>
      <c r="F108" s="97">
        <v>9.6742394580095606E-2</v>
      </c>
      <c r="G108" s="166">
        <v>0.41600000000000004</v>
      </c>
      <c r="H108" s="97">
        <v>0.10522073681574409</v>
      </c>
      <c r="I108" s="166">
        <v>8.5000000000000006E-2</v>
      </c>
      <c r="J108" s="97">
        <v>6.5044034526604524E-2</v>
      </c>
      <c r="K108" s="96">
        <v>0.219</v>
      </c>
      <c r="L108" s="97">
        <v>8.9963156641859193E-2</v>
      </c>
    </row>
    <row r="109" spans="1:12" ht="25.5">
      <c r="A109" s="57" t="s">
        <v>449</v>
      </c>
      <c r="B109" s="162">
        <v>109</v>
      </c>
      <c r="C109" s="157">
        <v>4.45</v>
      </c>
      <c r="D109" s="86">
        <v>0.27440000000000003</v>
      </c>
      <c r="E109" s="165">
        <v>0.20499999999999999</v>
      </c>
      <c r="F109" s="94">
        <v>7.7351517275840678E-2</v>
      </c>
      <c r="G109" s="164">
        <v>0.49299999999999999</v>
      </c>
      <c r="H109" s="94">
        <v>9.4063508508051105E-2</v>
      </c>
      <c r="I109" s="164">
        <v>0.16399999999999998</v>
      </c>
      <c r="J109" s="94">
        <v>7.1632092121570221E-2</v>
      </c>
      <c r="K109" s="93">
        <v>0.13700000000000001</v>
      </c>
      <c r="L109" s="94">
        <v>6.7153151503889508E-2</v>
      </c>
    </row>
    <row r="110" spans="1:12">
      <c r="A110" s="49" t="s">
        <v>454</v>
      </c>
      <c r="B110" s="163">
        <v>83</v>
      </c>
      <c r="C110" s="159">
        <v>3.65</v>
      </c>
      <c r="D110" s="87">
        <v>0.3528</v>
      </c>
      <c r="E110" s="167">
        <v>0.09</v>
      </c>
      <c r="F110" s="97">
        <v>6.6782242493965388E-2</v>
      </c>
      <c r="G110" s="166">
        <v>0.29699999999999999</v>
      </c>
      <c r="H110" s="97">
        <v>9.8842315435050093E-2</v>
      </c>
      <c r="I110" s="166">
        <v>0.49299999999999999</v>
      </c>
      <c r="J110" s="97">
        <v>0.10720169027804773</v>
      </c>
      <c r="K110" s="96">
        <v>0.12</v>
      </c>
      <c r="L110" s="97">
        <v>7.3835142815095317E-2</v>
      </c>
    </row>
    <row r="118" spans="9:23">
      <c r="I118" s="248"/>
      <c r="J118" s="248"/>
      <c r="K118" s="248"/>
      <c r="L118" s="248"/>
      <c r="M118" s="248"/>
      <c r="N118" s="248"/>
      <c r="O118" s="248"/>
      <c r="P118" s="248"/>
      <c r="Q118" s="248"/>
      <c r="R118" s="248"/>
      <c r="S118" s="248"/>
      <c r="T118" s="248"/>
      <c r="U118" s="248"/>
      <c r="V118" s="248"/>
      <c r="W118" s="248"/>
    </row>
  </sheetData>
  <mergeCells count="13">
    <mergeCell ref="A63:L63"/>
    <mergeCell ref="A62:L62"/>
    <mergeCell ref="A61:L61"/>
    <mergeCell ref="A92:L92"/>
    <mergeCell ref="A91:L91"/>
    <mergeCell ref="A90:L90"/>
    <mergeCell ref="A3:D3"/>
    <mergeCell ref="A4:D4"/>
    <mergeCell ref="A5:D5"/>
    <mergeCell ref="B34:J34"/>
    <mergeCell ref="K34:S34"/>
    <mergeCell ref="A33:S33"/>
    <mergeCell ref="A32:S32"/>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2T00:27:33Z</dcterms:modified>
</cp:coreProperties>
</file>